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34454\Documents\Werk HPM\Tweede lijst\"/>
    </mc:Choice>
  </mc:AlternateContent>
  <xr:revisionPtr revIDLastSave="0" documentId="13_ncr:1_{D9D9D57C-097D-4841-ADD9-A8017DCC605A}" xr6:coauthVersionLast="41" xr6:coauthVersionMax="41" xr10:uidLastSave="{00000000-0000-0000-0000-000000000000}"/>
  <bookViews>
    <workbookView xWindow="-108" yWindow="-108" windowWidth="23256" windowHeight="12576" xr2:uid="{97833B31-02B7-4246-9C03-951C6EF04398}"/>
  </bookViews>
  <sheets>
    <sheet name="Blad1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F109" i="1" l="1"/>
  <c r="E109" i="1"/>
  <c r="B108" i="1"/>
  <c r="F107" i="1"/>
  <c r="D106" i="1"/>
  <c r="C106" i="1"/>
  <c r="G104" i="1"/>
  <c r="F104" i="1"/>
  <c r="B104" i="1" a="1"/>
  <c r="F110" i="1" s="1"/>
  <c r="B97" i="1" a="1"/>
  <c r="G102" i="1" s="1"/>
  <c r="B79" i="1" a="1"/>
  <c r="C96" i="1" s="1"/>
  <c r="B78" i="1" a="1"/>
  <c r="I78" i="1" s="1"/>
  <c r="B55" i="1" a="1"/>
  <c r="F76" i="1" s="1"/>
  <c r="B29" i="1" a="1"/>
  <c r="E47" i="1" s="1"/>
  <c r="B12" i="1" a="1"/>
  <c r="B6" i="1" a="1"/>
  <c r="C9" i="1" s="1"/>
  <c r="B5" i="1"/>
  <c r="G4" i="1"/>
  <c r="F4" i="1"/>
  <c r="E4" i="1"/>
  <c r="B4" i="1" a="1"/>
  <c r="C5" i="1" s="1"/>
  <c r="B3" i="1" a="1"/>
  <c r="G3" i="1" s="1"/>
  <c r="B2" i="1" a="1"/>
  <c r="G2" i="1" s="1"/>
  <c r="D3" i="1" l="1"/>
  <c r="E3" i="1"/>
  <c r="F3" i="1"/>
  <c r="C3" i="1"/>
  <c r="C32" i="1"/>
  <c r="C39" i="1"/>
  <c r="G42" i="1"/>
  <c r="E44" i="1"/>
  <c r="D80" i="1"/>
  <c r="C82" i="1"/>
  <c r="D86" i="1"/>
  <c r="F88" i="1"/>
  <c r="G92" i="1"/>
  <c r="F30" i="1"/>
  <c r="D34" i="1"/>
  <c r="F37" i="1"/>
  <c r="B43" i="1"/>
  <c r="F46" i="1"/>
  <c r="E80" i="1"/>
  <c r="F84" i="1"/>
  <c r="G88" i="1"/>
  <c r="D95" i="1"/>
  <c r="D5" i="1"/>
  <c r="C29" i="1"/>
  <c r="G30" i="1"/>
  <c r="E32" i="1"/>
  <c r="E34" i="1"/>
  <c r="C36" i="1"/>
  <c r="G37" i="1"/>
  <c r="G39" i="1"/>
  <c r="E41" i="1"/>
  <c r="C43" i="1"/>
  <c r="C45" i="1"/>
  <c r="G46" i="1"/>
  <c r="B3" i="1"/>
  <c r="D4" i="1"/>
  <c r="G5" i="1"/>
  <c r="F29" i="1"/>
  <c r="F31" i="1"/>
  <c r="D33" i="1"/>
  <c r="B35" i="1"/>
  <c r="B37" i="1"/>
  <c r="F38" i="1"/>
  <c r="D40" i="1"/>
  <c r="D42" i="1"/>
  <c r="B44" i="1"/>
  <c r="F45" i="1"/>
  <c r="F47" i="1"/>
  <c r="D79" i="1"/>
  <c r="F81" i="1"/>
  <c r="E83" i="1"/>
  <c r="G85" i="1"/>
  <c r="F87" i="1"/>
  <c r="B90" i="1"/>
  <c r="D92" i="1"/>
  <c r="C94" i="1"/>
  <c r="E96" i="1"/>
  <c r="E104" i="1"/>
  <c r="B106" i="1"/>
  <c r="E107" i="1"/>
  <c r="B109" i="1"/>
  <c r="G29" i="1"/>
  <c r="G31" i="1"/>
  <c r="C35" i="1"/>
  <c r="C37" i="1"/>
  <c r="G38" i="1"/>
  <c r="E40" i="1"/>
  <c r="E42" i="1"/>
  <c r="C44" i="1"/>
  <c r="G47" i="1"/>
  <c r="E79" i="1"/>
  <c r="G81" i="1"/>
  <c r="F83" i="1"/>
  <c r="B86" i="1"/>
  <c r="C90" i="1"/>
  <c r="E92" i="1"/>
  <c r="D94" i="1"/>
  <c r="F96" i="1"/>
  <c r="B32" i="1"/>
  <c r="B105" i="1"/>
  <c r="F106" i="1"/>
  <c r="C108" i="1"/>
  <c r="G109" i="1"/>
  <c r="D30" i="1"/>
  <c r="F33" i="1"/>
  <c r="F35" i="1"/>
  <c r="D37" i="1"/>
  <c r="B41" i="1"/>
  <c r="F42" i="1"/>
  <c r="D44" i="1"/>
  <c r="D46" i="1"/>
  <c r="F79" i="1"/>
  <c r="D84" i="1"/>
  <c r="D90" i="1"/>
  <c r="B95" i="1"/>
  <c r="D105" i="1"/>
  <c r="G106" i="1"/>
  <c r="D108" i="1"/>
  <c r="B110" i="1"/>
  <c r="F80" i="1"/>
  <c r="B83" i="1"/>
  <c r="G84" i="1"/>
  <c r="C87" i="1"/>
  <c r="B89" i="1"/>
  <c r="D91" i="1"/>
  <c r="F93" i="1"/>
  <c r="E95" i="1"/>
  <c r="B104" i="1"/>
  <c r="E105" i="1"/>
  <c r="B107" i="1"/>
  <c r="E108" i="1"/>
  <c r="C110" i="1"/>
  <c r="E33" i="1"/>
  <c r="G45" i="1"/>
  <c r="D88" i="1"/>
  <c r="B39" i="1"/>
  <c r="G35" i="1"/>
  <c r="D41" i="1"/>
  <c r="B4" i="1"/>
  <c r="E5" i="1"/>
  <c r="D29" i="1"/>
  <c r="B31" i="1"/>
  <c r="B33" i="1"/>
  <c r="F34" i="1"/>
  <c r="D36" i="1"/>
  <c r="D38" i="1"/>
  <c r="B40" i="1"/>
  <c r="F41" i="1"/>
  <c r="F43" i="1"/>
  <c r="D45" i="1"/>
  <c r="B47" i="1"/>
  <c r="B79" i="1"/>
  <c r="G80" i="1"/>
  <c r="C83" i="1"/>
  <c r="B85" i="1"/>
  <c r="D87" i="1"/>
  <c r="F89" i="1"/>
  <c r="E91" i="1"/>
  <c r="G93" i="1"/>
  <c r="F95" i="1"/>
  <c r="C104" i="1"/>
  <c r="F105" i="1"/>
  <c r="C107" i="1"/>
  <c r="F108" i="1"/>
  <c r="D110" i="1"/>
  <c r="B82" i="1"/>
  <c r="C86" i="1"/>
  <c r="E88" i="1"/>
  <c r="F92" i="1"/>
  <c r="G96" i="1"/>
  <c r="E30" i="1"/>
  <c r="G33" i="1"/>
  <c r="E37" i="1"/>
  <c r="C41" i="1"/>
  <c r="E46" i="1"/>
  <c r="E84" i="1"/>
  <c r="B91" i="1"/>
  <c r="C95" i="1"/>
  <c r="B29" i="1"/>
  <c r="D32" i="1"/>
  <c r="B36" i="1"/>
  <c r="F39" i="1"/>
  <c r="B45" i="1"/>
  <c r="H78" i="1"/>
  <c r="D82" i="1"/>
  <c r="B87" i="1"/>
  <c r="C91" i="1"/>
  <c r="B93" i="1"/>
  <c r="C4" i="1"/>
  <c r="F5" i="1"/>
  <c r="E29" i="1"/>
  <c r="C31" i="1"/>
  <c r="C33" i="1"/>
  <c r="G34" i="1"/>
  <c r="E36" i="1"/>
  <c r="E38" i="1"/>
  <c r="C40" i="1"/>
  <c r="G41" i="1"/>
  <c r="G43" i="1"/>
  <c r="E45" i="1"/>
  <c r="C47" i="1"/>
  <c r="C79" i="1"/>
  <c r="B81" i="1"/>
  <c r="D83" i="1"/>
  <c r="F85" i="1"/>
  <c r="E87" i="1"/>
  <c r="G89" i="1"/>
  <c r="F91" i="1"/>
  <c r="B94" i="1"/>
  <c r="D96" i="1"/>
  <c r="D104" i="1"/>
  <c r="G105" i="1"/>
  <c r="D107" i="1"/>
  <c r="G108" i="1"/>
  <c r="G110" i="1"/>
  <c r="G28" i="1"/>
  <c r="E27" i="1"/>
  <c r="C26" i="1"/>
  <c r="G24" i="1"/>
  <c r="E23" i="1"/>
  <c r="C22" i="1"/>
  <c r="G20" i="1"/>
  <c r="E19" i="1"/>
  <c r="C18" i="1"/>
  <c r="G16" i="1"/>
  <c r="E15" i="1"/>
  <c r="C14" i="1"/>
  <c r="G12" i="1"/>
  <c r="D13" i="1"/>
  <c r="G14" i="1"/>
  <c r="D16" i="1"/>
  <c r="G17" i="1"/>
  <c r="D19" i="1"/>
  <c r="B21" i="1"/>
  <c r="E22" i="1"/>
  <c r="B24" i="1"/>
  <c r="E25" i="1"/>
  <c r="B27" i="1"/>
  <c r="E28" i="1"/>
  <c r="D56" i="1"/>
  <c r="B58" i="1"/>
  <c r="B60" i="1"/>
  <c r="F61" i="1"/>
  <c r="D63" i="1"/>
  <c r="D65" i="1"/>
  <c r="B67" i="1"/>
  <c r="F68" i="1"/>
  <c r="F70" i="1"/>
  <c r="D72" i="1"/>
  <c r="B74" i="1"/>
  <c r="B76" i="1"/>
  <c r="F77" i="1"/>
  <c r="E97" i="1"/>
  <c r="E99" i="1"/>
  <c r="E101" i="1"/>
  <c r="E103" i="1"/>
  <c r="C7" i="1"/>
  <c r="D7" i="1"/>
  <c r="B12" i="1"/>
  <c r="B15" i="1"/>
  <c r="F19" i="1"/>
  <c r="F22" i="1"/>
  <c r="F25" i="1"/>
  <c r="C27" i="1"/>
  <c r="E58" i="1"/>
  <c r="C67" i="1"/>
  <c r="D2" i="1"/>
  <c r="F11" i="1"/>
  <c r="D10" i="1"/>
  <c r="B9" i="1"/>
  <c r="F7" i="1"/>
  <c r="D6" i="1"/>
  <c r="F10" i="1"/>
  <c r="E16" i="1"/>
  <c r="C24" i="1"/>
  <c r="E56" i="1"/>
  <c r="G61" i="1"/>
  <c r="E65" i="1"/>
  <c r="C69" i="1"/>
  <c r="E74" i="1"/>
  <c r="C76" i="1"/>
  <c r="G77" i="1"/>
  <c r="F97" i="1"/>
  <c r="F99" i="1"/>
  <c r="F103" i="1"/>
  <c r="C6" i="1"/>
  <c r="D9" i="1"/>
  <c r="C12" i="1"/>
  <c r="F13" i="1"/>
  <c r="F16" i="1"/>
  <c r="D18" i="1"/>
  <c r="G19" i="1"/>
  <c r="D21" i="1"/>
  <c r="G22" i="1"/>
  <c r="D24" i="1"/>
  <c r="D27" i="1"/>
  <c r="B55" i="1"/>
  <c r="F56" i="1"/>
  <c r="F58" i="1"/>
  <c r="D60" i="1"/>
  <c r="B62" i="1"/>
  <c r="B64" i="1"/>
  <c r="F65" i="1"/>
  <c r="D67" i="1"/>
  <c r="D69" i="1"/>
  <c r="B71" i="1"/>
  <c r="F72" i="1"/>
  <c r="D76" i="1"/>
  <c r="G103" i="1"/>
  <c r="E10" i="1"/>
  <c r="C2" i="1"/>
  <c r="B6" i="1"/>
  <c r="E13" i="1"/>
  <c r="C21" i="1"/>
  <c r="F28" i="1"/>
  <c r="E72" i="1"/>
  <c r="K78" i="1"/>
  <c r="C78" i="1"/>
  <c r="J78" i="1"/>
  <c r="B78" i="1"/>
  <c r="G97" i="1"/>
  <c r="G99" i="1"/>
  <c r="G101" i="1"/>
  <c r="E2" i="1"/>
  <c r="E6" i="1"/>
  <c r="B8" i="1"/>
  <c r="E9" i="1"/>
  <c r="B11" i="1"/>
  <c r="D12" i="1"/>
  <c r="G13" i="1"/>
  <c r="D15" i="1"/>
  <c r="B17" i="1"/>
  <c r="E18" i="1"/>
  <c r="B20" i="1"/>
  <c r="E21" i="1"/>
  <c r="B23" i="1"/>
  <c r="E24" i="1"/>
  <c r="B26" i="1"/>
  <c r="F27" i="1"/>
  <c r="C55" i="1"/>
  <c r="C57" i="1"/>
  <c r="G58" i="1"/>
  <c r="E60" i="1"/>
  <c r="E62" i="1"/>
  <c r="C64" i="1"/>
  <c r="G65" i="1"/>
  <c r="G67" i="1"/>
  <c r="E69" i="1"/>
  <c r="C71" i="1"/>
  <c r="C73" i="1"/>
  <c r="G74" i="1"/>
  <c r="E76" i="1"/>
  <c r="D78" i="1"/>
  <c r="H97" i="1"/>
  <c r="H99" i="1"/>
  <c r="H101" i="1"/>
  <c r="H103" i="1"/>
  <c r="F2" i="1"/>
  <c r="F6" i="1"/>
  <c r="C8" i="1"/>
  <c r="F9" i="1"/>
  <c r="C11" i="1"/>
  <c r="E12" i="1"/>
  <c r="B14" i="1"/>
  <c r="F15" i="1"/>
  <c r="C17" i="1"/>
  <c r="F18" i="1"/>
  <c r="C20" i="1"/>
  <c r="F21" i="1"/>
  <c r="C23" i="1"/>
  <c r="F24" i="1"/>
  <c r="D26" i="1"/>
  <c r="G27" i="1"/>
  <c r="D55" i="1"/>
  <c r="D57" i="1"/>
  <c r="B59" i="1"/>
  <c r="F60" i="1"/>
  <c r="F62" i="1"/>
  <c r="D64" i="1"/>
  <c r="B66" i="1"/>
  <c r="B68" i="1"/>
  <c r="F69" i="1"/>
  <c r="D71" i="1"/>
  <c r="D73" i="1"/>
  <c r="B75" i="1"/>
  <c r="E78" i="1"/>
  <c r="E98" i="1"/>
  <c r="E100" i="1"/>
  <c r="E102" i="1"/>
  <c r="B77" i="1"/>
  <c r="F75" i="1"/>
  <c r="D74" i="1"/>
  <c r="B73" i="1"/>
  <c r="F71" i="1"/>
  <c r="D70" i="1"/>
  <c r="B69" i="1"/>
  <c r="F67" i="1"/>
  <c r="D66" i="1"/>
  <c r="B65" i="1"/>
  <c r="F63" i="1"/>
  <c r="D62" i="1"/>
  <c r="B61" i="1"/>
  <c r="F59" i="1"/>
  <c r="D58" i="1"/>
  <c r="B57" i="1"/>
  <c r="F55" i="1"/>
  <c r="G76" i="1"/>
  <c r="E75" i="1"/>
  <c r="C74" i="1"/>
  <c r="G72" i="1"/>
  <c r="E71" i="1"/>
  <c r="C70" i="1"/>
  <c r="G68" i="1"/>
  <c r="E67" i="1"/>
  <c r="C66" i="1"/>
  <c r="G64" i="1"/>
  <c r="E63" i="1"/>
  <c r="C62" i="1"/>
  <c r="G60" i="1"/>
  <c r="E59" i="1"/>
  <c r="C58" i="1"/>
  <c r="G56" i="1"/>
  <c r="E55" i="1"/>
  <c r="C60" i="1"/>
  <c r="G63" i="1"/>
  <c r="G70" i="1"/>
  <c r="F101" i="1"/>
  <c r="G7" i="1"/>
  <c r="G10" i="1"/>
  <c r="C15" i="1"/>
  <c r="G25" i="1"/>
  <c r="F74" i="1"/>
  <c r="G6" i="1"/>
  <c r="D8" i="1"/>
  <c r="G9" i="1"/>
  <c r="D11" i="1"/>
  <c r="F12" i="1"/>
  <c r="D14" i="1"/>
  <c r="G15" i="1"/>
  <c r="D17" i="1"/>
  <c r="G18" i="1"/>
  <c r="D20" i="1"/>
  <c r="G21" i="1"/>
  <c r="D23" i="1"/>
  <c r="B25" i="1"/>
  <c r="E26" i="1"/>
  <c r="B28" i="1"/>
  <c r="G55" i="1"/>
  <c r="E57" i="1"/>
  <c r="C59" i="1"/>
  <c r="C61" i="1"/>
  <c r="G62" i="1"/>
  <c r="E64" i="1"/>
  <c r="E66" i="1"/>
  <c r="C68" i="1"/>
  <c r="G69" i="1"/>
  <c r="G71" i="1"/>
  <c r="E73" i="1"/>
  <c r="C75" i="1"/>
  <c r="C77" i="1"/>
  <c r="F78" i="1"/>
  <c r="F98" i="1"/>
  <c r="F100" i="1"/>
  <c r="F102" i="1"/>
  <c r="B2" i="1"/>
  <c r="G8" i="1"/>
  <c r="E7" i="1"/>
  <c r="B18" i="1"/>
  <c r="B7" i="1"/>
  <c r="E8" i="1"/>
  <c r="B10" i="1"/>
  <c r="E11" i="1"/>
  <c r="B13" i="1"/>
  <c r="E14" i="1"/>
  <c r="B16" i="1"/>
  <c r="E17" i="1"/>
  <c r="B19" i="1"/>
  <c r="E20" i="1"/>
  <c r="B22" i="1"/>
  <c r="F23" i="1"/>
  <c r="C25" i="1"/>
  <c r="F26" i="1"/>
  <c r="C28" i="1"/>
  <c r="B56" i="1"/>
  <c r="F57" i="1"/>
  <c r="D59" i="1"/>
  <c r="D61" i="1"/>
  <c r="B63" i="1"/>
  <c r="F64" i="1"/>
  <c r="F66" i="1"/>
  <c r="D68" i="1"/>
  <c r="B70" i="1"/>
  <c r="B72" i="1"/>
  <c r="F73" i="1"/>
  <c r="D75" i="1"/>
  <c r="D77" i="1"/>
  <c r="G78" i="1"/>
  <c r="G98" i="1"/>
  <c r="G100" i="1"/>
  <c r="F8" i="1"/>
  <c r="C10" i="1"/>
  <c r="G11" i="1"/>
  <c r="C13" i="1"/>
  <c r="F14" i="1"/>
  <c r="C16" i="1"/>
  <c r="F17" i="1"/>
  <c r="C19" i="1"/>
  <c r="F20" i="1"/>
  <c r="D22" i="1"/>
  <c r="G23" i="1"/>
  <c r="D25" i="1"/>
  <c r="G26" i="1"/>
  <c r="D28" i="1"/>
  <c r="C56" i="1"/>
  <c r="G57" i="1"/>
  <c r="G59" i="1"/>
  <c r="E61" i="1"/>
  <c r="C63" i="1"/>
  <c r="C65" i="1"/>
  <c r="G66" i="1"/>
  <c r="E68" i="1"/>
  <c r="E70" i="1"/>
  <c r="C72" i="1"/>
  <c r="G73" i="1"/>
  <c r="G75" i="1"/>
  <c r="E77" i="1"/>
  <c r="D103" i="1"/>
  <c r="D102" i="1"/>
  <c r="D101" i="1"/>
  <c r="D100" i="1"/>
  <c r="D99" i="1"/>
  <c r="D98" i="1"/>
  <c r="D97" i="1"/>
  <c r="C103" i="1"/>
  <c r="C102" i="1"/>
  <c r="C101" i="1"/>
  <c r="C100" i="1"/>
  <c r="C99" i="1"/>
  <c r="C98" i="1"/>
  <c r="C97" i="1"/>
  <c r="B103" i="1"/>
  <c r="B102" i="1"/>
  <c r="B101" i="1"/>
  <c r="B100" i="1"/>
  <c r="B99" i="1"/>
  <c r="B98" i="1"/>
  <c r="B97" i="1"/>
  <c r="I103" i="1"/>
  <c r="I102" i="1"/>
  <c r="I101" i="1"/>
  <c r="I100" i="1"/>
  <c r="I99" i="1"/>
  <c r="I98" i="1"/>
  <c r="I97" i="1"/>
  <c r="H98" i="1"/>
  <c r="H100" i="1"/>
  <c r="H102" i="1"/>
  <c r="B30" i="1"/>
  <c r="D31" i="1"/>
  <c r="F32" i="1"/>
  <c r="B34" i="1"/>
  <c r="D35" i="1"/>
  <c r="F36" i="1"/>
  <c r="B38" i="1"/>
  <c r="D39" i="1"/>
  <c r="F40" i="1"/>
  <c r="B42" i="1"/>
  <c r="D43" i="1"/>
  <c r="F44" i="1"/>
  <c r="B46" i="1"/>
  <c r="D47" i="1"/>
  <c r="G79" i="1"/>
  <c r="C81" i="1"/>
  <c r="E82" i="1"/>
  <c r="G83" i="1"/>
  <c r="C85" i="1"/>
  <c r="E86" i="1"/>
  <c r="G87" i="1"/>
  <c r="C89" i="1"/>
  <c r="E90" i="1"/>
  <c r="G91" i="1"/>
  <c r="C93" i="1"/>
  <c r="E94" i="1"/>
  <c r="G95" i="1"/>
  <c r="C105" i="1"/>
  <c r="E106" i="1"/>
  <c r="G107" i="1"/>
  <c r="C109" i="1"/>
  <c r="E110" i="1"/>
  <c r="C30" i="1"/>
  <c r="E31" i="1"/>
  <c r="G32" i="1"/>
  <c r="C34" i="1"/>
  <c r="E35" i="1"/>
  <c r="G36" i="1"/>
  <c r="C38" i="1"/>
  <c r="E39" i="1"/>
  <c r="G40" i="1"/>
  <c r="C42" i="1"/>
  <c r="E43" i="1"/>
  <c r="G44" i="1"/>
  <c r="C46" i="1"/>
  <c r="B80" i="1"/>
  <c r="D81" i="1"/>
  <c r="F82" i="1"/>
  <c r="B84" i="1"/>
  <c r="D85" i="1"/>
  <c r="F86" i="1"/>
  <c r="B88" i="1"/>
  <c r="D89" i="1"/>
  <c r="F90" i="1"/>
  <c r="B92" i="1"/>
  <c r="D93" i="1"/>
  <c r="F94" i="1"/>
  <c r="B96" i="1"/>
  <c r="D109" i="1"/>
  <c r="C80" i="1"/>
  <c r="E81" i="1"/>
  <c r="G82" i="1"/>
  <c r="C84" i="1"/>
  <c r="E85" i="1"/>
  <c r="G86" i="1"/>
  <c r="C88" i="1"/>
  <c r="E89" i="1"/>
  <c r="G90" i="1"/>
  <c r="C92" i="1"/>
  <c r="E93" i="1"/>
  <c r="G94" i="1"/>
</calcChain>
</file>

<file path=xl/sharedStrings.xml><?xml version="1.0" encoding="utf-8"?>
<sst xmlns="http://schemas.openxmlformats.org/spreadsheetml/2006/main" count="138" uniqueCount="128">
  <si>
    <t>N</t>
  </si>
  <si>
    <t>CLIM - The light intensity in my office is pleasant</t>
  </si>
  <si>
    <t>CLIM - The temperature in my office is pleasant</t>
  </si>
  <si>
    <t>CLIM - The air quality in my office is pleasant</t>
  </si>
  <si>
    <t>PRIV - I feel that I cannot do certain work-related tasks due to privacy issues at my workplace (e.g. make phone calls, talk to students)</t>
  </si>
  <si>
    <t>PRIV - I am satisfied with the sound privacy at the workplace I use currently (ability to have conversations without your neighbors overhearing and vice versa)</t>
  </si>
  <si>
    <t>PRIV - Others cannot peer over my shoulder when doing my work</t>
  </si>
  <si>
    <t>WA - I find my workplace appealing</t>
  </si>
  <si>
    <t>WA - Overall, I like the design aesthetics of my office</t>
  </si>
  <si>
    <t>WA/PART - It is important to me that my work environment illustrates from which department/faculty/service I am</t>
  </si>
  <si>
    <t>WA - I like having plants in my work environment</t>
  </si>
  <si>
    <t>FIND1 - On average, it is easy to find a workplace when I arrive at work</t>
  </si>
  <si>
    <t>FIND1 - On average, it is easy to find a suitable workplace for the work I need to do</t>
  </si>
  <si>
    <t>FIND1 - I regularly try to sit at different workplaces</t>
  </si>
  <si>
    <t>FIND2 - My co-workers are easy to find in the building</t>
  </si>
  <si>
    <t>FIND2 - My co-workers often work at the same workplace</t>
  </si>
  <si>
    <t>FIND2 - I am transparent in my availability and accessibility</t>
  </si>
  <si>
    <t>FIND2 - In Skype for Business I show where I am. For example: at home, floor, building, work area</t>
  </si>
  <si>
    <t>INT - My workplace supports interactions with co-workers</t>
  </si>
  <si>
    <t>INT - I have sufficient contact with co-workers</t>
  </si>
  <si>
    <t>INT - I am able to share valuable knowledge with co-workers about work related tasks at my workplace</t>
  </si>
  <si>
    <t>INT - In Atlas I have more contact with colleagues from other departments/services than in my previous workplace</t>
  </si>
  <si>
    <t>CLIM - I feel distracted by background noise in the workplace</t>
  </si>
  <si>
    <t>RI - It is easy to access the computer documents/files needed for my work at different workplaces</t>
  </si>
  <si>
    <t>RI - I find it easy to continue my work activities when I change workplaces</t>
  </si>
  <si>
    <t>RES - I find the reservation system for booking meeting rooms easy to use</t>
  </si>
  <si>
    <t>SET - Being able to adjust the height of the table and chairs in my workplace helps me in performing my activities</t>
  </si>
  <si>
    <t>SET - I can find a comfortable setting of height of my chair and table in my workplace</t>
  </si>
  <si>
    <t>RES - I use the reservation system to book meeting rooms</t>
  </si>
  <si>
    <t>WINT - I have to interrupt my work because of co-workers</t>
  </si>
  <si>
    <t>WINT - I have to interrupt my work because of students</t>
  </si>
  <si>
    <t>WINT - I get interrupted doing my work by phone calls (your own or of others in your workplace)</t>
  </si>
  <si>
    <t>WINT - There are many distraction factors in my workplace</t>
  </si>
  <si>
    <t>SET - When I arrive at a workplace, I adjust the settings of the chair</t>
  </si>
  <si>
    <t>SET - When I arrive at a workplace, I adjust the height of the table</t>
  </si>
  <si>
    <t>TID - After a day of work, I tidy my desk so that it can be used by someone else afterwards</t>
  </si>
  <si>
    <t>TID - My co-workers tidy their desk after a day of work</t>
  </si>
  <si>
    <t>TID - I notice that co-workers leave stuff at a desk after a working day</t>
  </si>
  <si>
    <t>TID - I do not keep my workplace occupied when it is not necessary. When I am away for more than an hour, I leave my workplace empty and clean for a colleague</t>
  </si>
  <si>
    <t>TID - I do not eat behind my desk</t>
  </si>
  <si>
    <t>TID - I work digitally and use little paper</t>
  </si>
  <si>
    <t>TID - I find that my workplace is clean</t>
  </si>
  <si>
    <t>FAC - I am satisfied with the accessibility to printers/coffee machines</t>
  </si>
  <si>
    <t>TASK - I find that I have to walk a lot in order to complete my tasks (e.g. attend meetings, give teaching etc.)</t>
  </si>
  <si>
    <t>FAC - I am satisfied with the current eating facilities</t>
  </si>
  <si>
    <t>FAC - I have sufficient fallback options to spontaneously have a confidential (phone) conversation</t>
  </si>
  <si>
    <t>FAC - I am satisfied with the variation in workplaces</t>
  </si>
  <si>
    <t>FAC - What type of workplaces do you miss? Open workplaces</t>
  </si>
  <si>
    <t>FAC - What type of workplaces do you miss? Confined workplaces (in between two rooms)</t>
  </si>
  <si>
    <t>FAC - What type of workplaces do you miss? Concentration (confined) workplaces</t>
  </si>
  <si>
    <t>FAC - What type of workplaces do you miss? Closed phone call areas</t>
  </si>
  <si>
    <t>FAC - What type of workplaces do you miss? Meeting rooms (reservations via BMS)</t>
  </si>
  <si>
    <t>FAC - What type of workplaces do you miss? Not reservable meeting rooms (free walk-in)</t>
  </si>
  <si>
    <t>FAC - What type of workplaces do you miss? Informal meeting places like the round seats</t>
  </si>
  <si>
    <t>COM - I received sufficient information about the ATLAS building before moving into the building</t>
  </si>
  <si>
    <t>COM - The information with respect to the move to ATLAS is communicated well</t>
  </si>
  <si>
    <t>COM - The information I have received about ATLAS has been timely</t>
  </si>
  <si>
    <t>COM - The information I have received about ATLAS has been useful</t>
  </si>
  <si>
    <t>PART - I have been able to participate in the decision making of the transition to ATLAS</t>
  </si>
  <si>
    <t>PART - If I wanted to, I could have provided input into the decisions being made about ATLAS</t>
  </si>
  <si>
    <t>ATM - There is a good atmosphere between me and my co-workers</t>
  </si>
  <si>
    <t>ATM - My workplace gives the possibility to get in personal contact with co-workers</t>
  </si>
  <si>
    <t>ATM - When there is no place available in my own work environment, I feel welcome in other area’s</t>
  </si>
  <si>
    <t>ATM - I still see a lot of colleagues claiming a workplace for the entire day</t>
  </si>
  <si>
    <t>ATM - I address my direct colleagues regarding inappropriate behavior in the use of the working space</t>
  </si>
  <si>
    <t>ATM - I address colleagues of other departments regarding inappropriate behavior in use of the working space</t>
  </si>
  <si>
    <t>SUP - My supervisor/manager has encouraged all of us to embrace the move to ATLAS</t>
  </si>
  <si>
    <t>SUP - My supervisor/manager has been personally involved with the tasks related to the move to ATLAS</t>
  </si>
  <si>
    <t>SUP - My supervisor/manager has served as role model for the changes related to the move to ATLAS</t>
  </si>
  <si>
    <t>SUP - I am aware of the MT-framework for place- and time-independent working of my service/unit</t>
  </si>
  <si>
    <t>SUP - My supervisor gives me enough freedom within the MT-framework to choose the time and place I work in</t>
  </si>
  <si>
    <t>WF - My work prevents me from spending sufficient quality time with my family</t>
  </si>
  <si>
    <t>WF - There is no time left at the end of the day to do the things I’d like at home</t>
  </si>
  <si>
    <t>WF - My family misses out because of my work commitments</t>
  </si>
  <si>
    <t>AT - I see the move of our faculty/department to ATLAS as a positive development</t>
  </si>
  <si>
    <t>SAT - The chosen workplace concept in Atlas will ensure that future employees view the TU/e as an attractive employer</t>
  </si>
  <si>
    <t>SAT - Overall, how satisfied are you with your workplace?</t>
  </si>
  <si>
    <t>SAT - Overall, how positive or negative do you evaluate the move to ATLAS?</t>
  </si>
  <si>
    <t>(Schaal 1-9)</t>
  </si>
  <si>
    <t>SR - I ask others for feedback on my job performance</t>
  </si>
  <si>
    <t>SR - I ask co-workers for advice</t>
  </si>
  <si>
    <t>SR - I ask my supervisor for advice</t>
  </si>
  <si>
    <t>SR - I try to learn new things at work</t>
  </si>
  <si>
    <t>SR - I contact other people from work (e.g., co-workers, supervisors) to get the necessary information for completing my tasks</t>
  </si>
  <si>
    <t>RD - I ensure that I reduce the emotional burden of my work (This means, for example, making difficult decisions, high concentration and a lot of information)</t>
  </si>
  <si>
    <t>RD - I ensure that I reduce the mental burden of my work</t>
  </si>
  <si>
    <t>RD - I try to simplify the complexity of my tasks at work</t>
  </si>
  <si>
    <t>OD - I think of solutions in order to carry out my work more easily</t>
  </si>
  <si>
    <t>OD - I am looking for ways to make my work more efficient</t>
  </si>
  <si>
    <t>OD - I try to change time-consuming work processes to improve my workflow</t>
  </si>
  <si>
    <t>WPCt - When I notice that working hours are not suited to a specific task that I am performing, I will select different working hours or a different task</t>
  </si>
  <si>
    <t>WPCt - I carefully consider which working hours are best suited to my private demands</t>
  </si>
  <si>
    <t>WPCs - When I notice that a work location is not suited to a specific task that I am performing, I will select a different work location or task</t>
  </si>
  <si>
    <t>WPCs - I carefully consider which work location is best suited to the task I am going to perform</t>
  </si>
  <si>
    <t>WPCt - I try to match my tasks to my work location</t>
  </si>
  <si>
    <t>WPCs - I carefully consider which working hours are best suited to the task I am going to perform</t>
  </si>
  <si>
    <t>WPCt - I try to match my tasks to my working hours</t>
  </si>
  <si>
    <t>VIG - At my job I feel strong and vigorous</t>
  </si>
  <si>
    <t>(Schaal 1-7)</t>
  </si>
  <si>
    <t>VIG - When I get up in the morning, I feel like going to work</t>
  </si>
  <si>
    <t>DED - My job inspires me</t>
  </si>
  <si>
    <t>DED - I am proud of the work that I do</t>
  </si>
  <si>
    <t>EX - I feel mentally exhausted because of my work</t>
  </si>
  <si>
    <t>EX - I feel empty at the end of a working day</t>
  </si>
  <si>
    <t>EX - I feel tired when I get up in the morning and have a day ahead of me</t>
  </si>
  <si>
    <t>HELP - I help co-workers with job related tasks</t>
  </si>
  <si>
    <t>HELP - I see co-workers helping each other with job related tasks</t>
  </si>
  <si>
    <t>HELP - I get help from co-workers whenever I need it with respect to job related tasks</t>
  </si>
  <si>
    <t>TASK - I am able to perform my tasks at my workplace</t>
  </si>
  <si>
    <t>TASK - On an average workday I perform different tasks than planned</t>
  </si>
  <si>
    <t>TASK - On average my tasks take longer than planned</t>
  </si>
  <si>
    <t>SAFETY - I contribute to a safe work environment by keeping an eye on the belongings of my colleagues when they are away from their workplace for a while</t>
  </si>
  <si>
    <t>Totally Disagree</t>
  </si>
  <si>
    <t>Disagree</t>
  </si>
  <si>
    <t>Somewhat Agree</t>
  </si>
  <si>
    <t>Agree</t>
  </si>
  <si>
    <t>Totally Agree</t>
  </si>
  <si>
    <t>Here you can include any further suggestions, remarks or other issues related to ATLAS that you would like to share with us.</t>
  </si>
  <si>
    <t>Slow elevators and dark stairways</t>
  </si>
  <si>
    <t>Building not clean</t>
  </si>
  <si>
    <t>Less informal and more superficial contact (privacy / will disturb others)</t>
  </si>
  <si>
    <t>“Vlekken” has some positive support</t>
  </si>
  <si>
    <t>Not enough options for privacy</t>
  </si>
  <si>
    <t>Meeting rooms not enough/ used by students</t>
  </si>
  <si>
    <t>No places to make phone calls</t>
  </si>
  <si>
    <t>Noise: hard to concentrate</t>
  </si>
  <si>
    <t>Climate: no control over windows, curtains, temperature, light, air quality</t>
  </si>
  <si>
    <t>Resultaten omgedraaid! (dus % agree hoort bij disagree en vice versa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2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A3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7">
    <xf numFmtId="0" fontId="0" fillId="0" borderId="0" xfId="0"/>
    <xf numFmtId="164" fontId="0" fillId="0" borderId="0" xfId="0" applyNumberFormat="1"/>
    <xf numFmtId="1" fontId="0" fillId="0" borderId="0" xfId="0" applyNumberFormat="1"/>
    <xf numFmtId="0" fontId="0" fillId="2" borderId="0" xfId="0" applyFill="1"/>
    <xf numFmtId="0" fontId="0" fillId="0" borderId="0" xfId="0" applyAlignment="1">
      <alignment horizontal="center" vertical="center"/>
    </xf>
    <xf numFmtId="1" fontId="0" fillId="0" borderId="0" xfId="0" applyNumberFormat="1" applyAlignment="1">
      <alignment horizontal="center" vertical="center"/>
    </xf>
    <xf numFmtId="0" fontId="1" fillId="0" borderId="0" xfId="0" applyFont="1"/>
  </cellXfs>
  <cellStyles count="1">
    <cellStyle name="Standaard" xfId="0" builtinId="0"/>
  </cellStyles>
  <dxfs count="0"/>
  <tableStyles count="0" defaultTableStyle="TableStyleMedium2" defaultPivotStyle="PivotStyleLight16"/>
  <colors>
    <mruColors>
      <color rgb="FFFFFFA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Move%20to%20Atlas%20-%20Wave%202%20-%20Services_Faculteit_samen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ve to Atlas - Wave 2 - Servic"/>
      <sheetName val="Blad1"/>
      <sheetName val="Blad2"/>
    </sheetNames>
    <sheetDataSet>
      <sheetData sheetId="0">
        <row r="609">
          <cell r="R609">
            <v>9.5840867992766725</v>
          </cell>
          <cell r="S609">
            <v>20.253164556962027</v>
          </cell>
        </row>
        <row r="610">
          <cell r="R610">
            <v>21.15732368896926</v>
          </cell>
          <cell r="S610">
            <v>33.092224231464741</v>
          </cell>
        </row>
        <row r="611">
          <cell r="R611">
            <v>25.316455696202532</v>
          </cell>
          <cell r="S611">
            <v>27.486437613019891</v>
          </cell>
        </row>
        <row r="612">
          <cell r="R612">
            <v>36.166365280289334</v>
          </cell>
          <cell r="S612">
            <v>15.370705244122965</v>
          </cell>
        </row>
        <row r="613">
          <cell r="R613">
            <v>7.7757685352622063</v>
          </cell>
          <cell r="S613">
            <v>3.79746835443038</v>
          </cell>
        </row>
        <row r="614">
          <cell r="R614">
            <v>553</v>
          </cell>
          <cell r="S614">
            <v>553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Kantoorth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C19AEE9-021D-4A5B-995E-DF953FD8025A}">
  <dimension ref="A1:M121"/>
  <sheetViews>
    <sheetView tabSelected="1" workbookViewId="0">
      <pane ySplit="1" topLeftCell="A50" activePane="bottomLeft" state="frozen"/>
      <selection pane="bottomLeft" activeCell="H68" sqref="H68"/>
    </sheetView>
  </sheetViews>
  <sheetFormatPr defaultRowHeight="14.4" x14ac:dyDescent="0.3"/>
  <cols>
    <col min="1" max="1" width="105" customWidth="1"/>
    <col min="2" max="2" width="14.44140625" customWidth="1"/>
    <col min="3" max="3" width="13.77734375" customWidth="1"/>
    <col min="4" max="4" width="15.109375" customWidth="1"/>
    <col min="5" max="5" width="12.88671875" customWidth="1"/>
    <col min="6" max="6" width="12.109375" customWidth="1"/>
    <col min="7" max="7" width="10.44140625" style="2" bestFit="1" customWidth="1"/>
    <col min="8" max="8" width="10.44140625" bestFit="1" customWidth="1"/>
    <col min="9" max="9" width="9.44140625" bestFit="1" customWidth="1"/>
  </cols>
  <sheetData>
    <row r="1" spans="1:9" s="4" customFormat="1" x14ac:dyDescent="0.3">
      <c r="B1" s="4" t="s">
        <v>112</v>
      </c>
      <c r="C1" s="4" t="s">
        <v>113</v>
      </c>
      <c r="D1" s="4" t="s">
        <v>114</v>
      </c>
      <c r="E1" s="4" t="s">
        <v>115</v>
      </c>
      <c r="F1" s="4" t="s">
        <v>116</v>
      </c>
      <c r="G1" s="5" t="s">
        <v>0</v>
      </c>
    </row>
    <row r="2" spans="1:9" x14ac:dyDescent="0.3">
      <c r="A2" t="s">
        <v>1</v>
      </c>
      <c r="B2" s="1">
        <f t="array" ref="B2:G2">TRANSPOSE('[1]Move to Atlas - Wave 2 - Servic'!R609:R614)</f>
        <v>9.5840867992766725</v>
      </c>
      <c r="C2" s="1">
        <v>21.15732368896926</v>
      </c>
      <c r="D2" s="1">
        <v>25.316455696202532</v>
      </c>
      <c r="E2" s="1">
        <v>36.166365280289334</v>
      </c>
      <c r="F2" s="1">
        <v>7.7757685352622063</v>
      </c>
      <c r="G2" s="2">
        <v>553</v>
      </c>
      <c r="H2" s="1"/>
      <c r="I2" s="1"/>
    </row>
    <row r="3" spans="1:9" x14ac:dyDescent="0.3">
      <c r="A3" t="s">
        <v>2</v>
      </c>
      <c r="B3" s="1">
        <f t="array" ref="B3:G3">TRANSPOSE('[1]Move to Atlas - Wave 2 - Servic'!S609:S614)</f>
        <v>20.253164556962027</v>
      </c>
      <c r="C3" s="1">
        <v>33.092224231464741</v>
      </c>
      <c r="D3" s="1">
        <v>27.486437613019891</v>
      </c>
      <c r="E3" s="1">
        <v>15.370705244122965</v>
      </c>
      <c r="F3" s="1">
        <v>3.79746835443038</v>
      </c>
      <c r="G3" s="2">
        <v>553</v>
      </c>
      <c r="H3" s="1"/>
      <c r="I3" s="1"/>
    </row>
    <row r="4" spans="1:9" x14ac:dyDescent="0.3">
      <c r="A4" t="s">
        <v>3</v>
      </c>
      <c r="B4" s="1">
        <f t="array" ref="B4:G5">{13.0198915009042,20.6148282097649,29.2947558770344,32.0072332730561,5.06329113924051,553;20.4339963833635,22.7848101265823,17.5406871609403,22.9656419529837,16.2748643761302,553}</f>
        <v>13.019891500904199</v>
      </c>
      <c r="C4" s="1">
        <v>20.614828209764902</v>
      </c>
      <c r="D4" s="1">
        <v>29.294755877034401</v>
      </c>
      <c r="E4" s="1">
        <v>32.007233273056102</v>
      </c>
      <c r="F4" s="1">
        <v>5.0632911392405102</v>
      </c>
      <c r="G4" s="2">
        <v>553</v>
      </c>
    </row>
    <row r="5" spans="1:9" x14ac:dyDescent="0.3">
      <c r="A5" s="3" t="s">
        <v>4</v>
      </c>
      <c r="B5" s="1">
        <v>20.4339963833635</v>
      </c>
      <c r="C5" s="1">
        <v>22.7848101265823</v>
      </c>
      <c r="D5" s="1">
        <v>17.540687160940301</v>
      </c>
      <c r="E5" s="1">
        <v>22.965641952983699</v>
      </c>
      <c r="F5" s="1">
        <v>16.2748643761302</v>
      </c>
      <c r="G5" s="2">
        <v>553</v>
      </c>
      <c r="H5" t="s">
        <v>127</v>
      </c>
    </row>
    <row r="6" spans="1:9" x14ac:dyDescent="0.3">
      <c r="A6" t="s">
        <v>5</v>
      </c>
      <c r="B6" s="1">
        <f t="array" ref="B6:G11">TRANSPOSE({49.5479204339964,30.379746835443,13.0198915009042,8.49909584086799,8.67992766726944,1.62748643761302;31.2839059674503,32.9113924050633,19.3490054249548,15.9132007233273,18.9873417721519,2.53164556962025;9.40325497287523,15.0090415913201,31.6455696202532,27.6672694394213,27.4864376130199,11.2115732368897;6.69077757685353,16.998191681736,28.5714285714286,36.1663652802893,29.4755877034358,29.6564195298373;3.07414104882459,4.70162748643761,7.41410488245931,11.754068716094,15.370705244123,54.9728752260398;553,553,553,553,553,553})</f>
        <v>49.547920433996403</v>
      </c>
      <c r="C6" s="1">
        <v>31.283905967450298</v>
      </c>
      <c r="D6" s="1">
        <v>9.4032549728752297</v>
      </c>
      <c r="E6" s="1">
        <v>6.69077757685353</v>
      </c>
      <c r="F6" s="1">
        <v>3.0741410488245902</v>
      </c>
      <c r="G6" s="2">
        <v>553</v>
      </c>
    </row>
    <row r="7" spans="1:9" x14ac:dyDescent="0.3">
      <c r="A7" t="s">
        <v>6</v>
      </c>
      <c r="B7" s="1">
        <v>30.379746835443001</v>
      </c>
      <c r="C7" s="1">
        <v>32.911392405063303</v>
      </c>
      <c r="D7" s="1">
        <v>15.0090415913201</v>
      </c>
      <c r="E7" s="1">
        <v>16.998191681735999</v>
      </c>
      <c r="F7" s="1">
        <v>4.7016274864376104</v>
      </c>
      <c r="G7" s="2">
        <v>553</v>
      </c>
    </row>
    <row r="8" spans="1:9" x14ac:dyDescent="0.3">
      <c r="A8" t="s">
        <v>7</v>
      </c>
      <c r="B8" s="1">
        <v>13.019891500904199</v>
      </c>
      <c r="C8" s="1">
        <v>19.3490054249548</v>
      </c>
      <c r="D8" s="1">
        <v>31.645569620253202</v>
      </c>
      <c r="E8" s="1">
        <v>28.571428571428601</v>
      </c>
      <c r="F8" s="1">
        <v>7.4141048824593101</v>
      </c>
      <c r="G8" s="2">
        <v>553</v>
      </c>
    </row>
    <row r="9" spans="1:9" x14ac:dyDescent="0.3">
      <c r="A9" t="s">
        <v>8</v>
      </c>
      <c r="B9" s="1">
        <v>8.4990958408679909</v>
      </c>
      <c r="C9" s="1">
        <v>15.9132007233273</v>
      </c>
      <c r="D9" s="1">
        <v>27.6672694394213</v>
      </c>
      <c r="E9" s="1">
        <v>36.166365280289298</v>
      </c>
      <c r="F9" s="1">
        <v>11.754068716094</v>
      </c>
      <c r="G9" s="2">
        <v>553</v>
      </c>
    </row>
    <row r="10" spans="1:9" x14ac:dyDescent="0.3">
      <c r="A10" t="s">
        <v>9</v>
      </c>
      <c r="B10" s="1">
        <v>8.6799276672694408</v>
      </c>
      <c r="C10" s="1">
        <v>18.9873417721519</v>
      </c>
      <c r="D10" s="1">
        <v>27.486437613019898</v>
      </c>
      <c r="E10" s="1">
        <v>29.475587703435799</v>
      </c>
      <c r="F10" s="1">
        <v>15.370705244123</v>
      </c>
      <c r="G10" s="2">
        <v>553</v>
      </c>
    </row>
    <row r="11" spans="1:9" x14ac:dyDescent="0.3">
      <c r="A11" t="s">
        <v>10</v>
      </c>
      <c r="B11" s="1">
        <v>1.62748643761302</v>
      </c>
      <c r="C11" s="1">
        <v>2.5316455696202498</v>
      </c>
      <c r="D11" s="1">
        <v>11.2115732368897</v>
      </c>
      <c r="E11" s="1">
        <v>29.656419529837301</v>
      </c>
      <c r="F11" s="1">
        <v>54.972875226039797</v>
      </c>
      <c r="G11" s="2">
        <v>553</v>
      </c>
    </row>
    <row r="12" spans="1:9" x14ac:dyDescent="0.3">
      <c r="A12" t="s">
        <v>11</v>
      </c>
      <c r="B12" s="1">
        <f t="array" ref="B12:G28">TRANSPOSE({3.7037037037037,10,31.2962962962963,7.77777777777778,2.22222222222222,1.89873417721519,17.0886075949367,13.7037037037037,7.03703703703704,7.96296296296296,18.8888888888889,34.0740740740741,3.51851851851852,12.5925925925926,14.2592592592593,4.44444444444444,3.51851851851852;10.1851851851852,19.4444444444444,29.6296296296296,21.4814814814815,9.07407407407407,5.69620253164557,15.506329113924,19.8148148148148,14.2592592592593,19.8148148148148,21.6666666666667,25.9259259259259,5.74074074074074,16.2962962962963,18.5185185185185,9.07407407407407,6.66666666666667;21.2962962962963,27.962962962963,16.6666666666667,33.3333333333333,27.2222222222222,19.3037974683544,20.5696202531646,23.3333333333333,25.1851851851852,26.4814814814815,17.5925925925926,20.1851851851852,17.5925925925926,28.3333333333333,30.9259259259259,25.9259259259259,19.8148148148148;40.9259259259259,31.8518518518519,17.2222222222222,30,45.3703703703704,50,25.9493670886076,31.1111111111111,41.6666666666667,37.037037037037,27.962962962963,14.8148148148148,42.4074074074074,31.2962962962963,30,43.8888888888889,48.7037037037037;23.8888888888889,10.7407407407407,5.18518518518519,7.40740740740741,16.1111111111111,23.1012658227848,20.8860759493671,12.037037037037,11.8518518518519,8.7037037037037,13.8888888888889,5,30.7407407407407,11.4814814814815,6.2962962962963,16.6666666666667,21.2962962962963;540,540,540,540,540,316,316,540,540,540,540,540,540,540,540,540,540})</f>
        <v>3.7037037037037002</v>
      </c>
      <c r="C12" s="1">
        <v>10.185185185185199</v>
      </c>
      <c r="D12" s="1">
        <v>21.296296296296301</v>
      </c>
      <c r="E12" s="1">
        <v>40.925925925925903</v>
      </c>
      <c r="F12" s="1">
        <v>23.8888888888889</v>
      </c>
      <c r="G12" s="2">
        <v>540</v>
      </c>
    </row>
    <row r="13" spans="1:9" x14ac:dyDescent="0.3">
      <c r="A13" t="s">
        <v>12</v>
      </c>
      <c r="B13" s="1">
        <v>10</v>
      </c>
      <c r="C13" s="1">
        <v>19.4444444444444</v>
      </c>
      <c r="D13" s="1">
        <v>27.962962962963001</v>
      </c>
      <c r="E13" s="1">
        <v>31.851851851851901</v>
      </c>
      <c r="F13" s="1">
        <v>10.7407407407407</v>
      </c>
      <c r="G13" s="2">
        <v>540</v>
      </c>
    </row>
    <row r="14" spans="1:9" x14ac:dyDescent="0.3">
      <c r="A14" t="s">
        <v>13</v>
      </c>
      <c r="B14" s="1">
        <v>31.296296296296301</v>
      </c>
      <c r="C14" s="1">
        <v>29.629629629629601</v>
      </c>
      <c r="D14" s="1">
        <v>16.6666666666667</v>
      </c>
      <c r="E14" s="1">
        <v>17.2222222222222</v>
      </c>
      <c r="F14" s="1">
        <v>5.1851851851851896</v>
      </c>
      <c r="G14" s="2">
        <v>540</v>
      </c>
    </row>
    <row r="15" spans="1:9" x14ac:dyDescent="0.3">
      <c r="A15" t="s">
        <v>14</v>
      </c>
      <c r="B15" s="1">
        <v>7.7777777777777803</v>
      </c>
      <c r="C15" s="1">
        <v>21.481481481481499</v>
      </c>
      <c r="D15" s="1">
        <v>33.3333333333333</v>
      </c>
      <c r="E15" s="1">
        <v>30</v>
      </c>
      <c r="F15" s="1">
        <v>7.4074074074074101</v>
      </c>
      <c r="G15" s="2">
        <v>540</v>
      </c>
    </row>
    <row r="16" spans="1:9" x14ac:dyDescent="0.3">
      <c r="A16" t="s">
        <v>15</v>
      </c>
      <c r="B16" s="1">
        <v>2.2222222222222201</v>
      </c>
      <c r="C16" s="1">
        <v>9.0740740740740709</v>
      </c>
      <c r="D16" s="1">
        <v>27.2222222222222</v>
      </c>
      <c r="E16" s="1">
        <v>45.370370370370402</v>
      </c>
      <c r="F16" s="1">
        <v>16.1111111111111</v>
      </c>
      <c r="G16" s="2">
        <v>540</v>
      </c>
    </row>
    <row r="17" spans="1:8" x14ac:dyDescent="0.3">
      <c r="A17" t="s">
        <v>16</v>
      </c>
      <c r="B17" s="1">
        <v>1.89873417721519</v>
      </c>
      <c r="C17" s="1">
        <v>5.6962025316455698</v>
      </c>
      <c r="D17" s="1">
        <v>19.3037974683544</v>
      </c>
      <c r="E17" s="1">
        <v>50</v>
      </c>
      <c r="F17" s="1">
        <v>23.1012658227848</v>
      </c>
      <c r="G17" s="2">
        <v>316</v>
      </c>
    </row>
    <row r="18" spans="1:8" x14ac:dyDescent="0.3">
      <c r="A18" t="s">
        <v>17</v>
      </c>
      <c r="B18" s="1">
        <v>17.0886075949367</v>
      </c>
      <c r="C18" s="1">
        <v>15.506329113924</v>
      </c>
      <c r="D18" s="1">
        <v>20.569620253164601</v>
      </c>
      <c r="E18" s="1">
        <v>25.949367088607602</v>
      </c>
      <c r="F18" s="1">
        <v>20.8860759493671</v>
      </c>
      <c r="G18" s="2">
        <v>316</v>
      </c>
    </row>
    <row r="19" spans="1:8" x14ac:dyDescent="0.3">
      <c r="A19" t="s">
        <v>18</v>
      </c>
      <c r="B19" s="1">
        <v>13.703703703703701</v>
      </c>
      <c r="C19" s="1">
        <v>19.814814814814799</v>
      </c>
      <c r="D19" s="1">
        <v>23.3333333333333</v>
      </c>
      <c r="E19" s="1">
        <v>31.1111111111111</v>
      </c>
      <c r="F19" s="1">
        <v>12.037037037037001</v>
      </c>
      <c r="G19" s="2">
        <v>540</v>
      </c>
    </row>
    <row r="20" spans="1:8" x14ac:dyDescent="0.3">
      <c r="A20" t="s">
        <v>19</v>
      </c>
      <c r="B20" s="1">
        <v>7.0370370370370399</v>
      </c>
      <c r="C20" s="1">
        <v>14.2592592592593</v>
      </c>
      <c r="D20" s="1">
        <v>25.185185185185201</v>
      </c>
      <c r="E20" s="1">
        <v>41.6666666666667</v>
      </c>
      <c r="F20" s="1">
        <v>11.851851851851899</v>
      </c>
      <c r="G20" s="2">
        <v>540</v>
      </c>
    </row>
    <row r="21" spans="1:8" x14ac:dyDescent="0.3">
      <c r="A21" t="s">
        <v>20</v>
      </c>
      <c r="B21" s="1">
        <v>7.9629629629629601</v>
      </c>
      <c r="C21" s="1">
        <v>19.814814814814799</v>
      </c>
      <c r="D21" s="1">
        <v>26.481481481481499</v>
      </c>
      <c r="E21" s="1">
        <v>37.037037037037003</v>
      </c>
      <c r="F21" s="1">
        <v>8.7037037037037006</v>
      </c>
      <c r="G21" s="2">
        <v>540</v>
      </c>
    </row>
    <row r="22" spans="1:8" x14ac:dyDescent="0.3">
      <c r="A22" t="s">
        <v>21</v>
      </c>
      <c r="B22" s="1">
        <v>18.8888888888889</v>
      </c>
      <c r="C22" s="1">
        <v>21.6666666666667</v>
      </c>
      <c r="D22" s="1">
        <v>17.592592592592599</v>
      </c>
      <c r="E22" s="1">
        <v>27.962962962963001</v>
      </c>
      <c r="F22" s="1">
        <v>13.8888888888889</v>
      </c>
      <c r="G22" s="2">
        <v>540</v>
      </c>
    </row>
    <row r="23" spans="1:8" x14ac:dyDescent="0.3">
      <c r="A23" s="3" t="s">
        <v>22</v>
      </c>
      <c r="B23" s="1">
        <v>34.074074074074097</v>
      </c>
      <c r="C23" s="1">
        <v>25.925925925925899</v>
      </c>
      <c r="D23" s="1">
        <v>20.185185185185201</v>
      </c>
      <c r="E23" s="1">
        <v>14.814814814814801</v>
      </c>
      <c r="F23" s="1">
        <v>5</v>
      </c>
      <c r="G23" s="2">
        <v>540</v>
      </c>
      <c r="H23" t="s">
        <v>127</v>
      </c>
    </row>
    <row r="24" spans="1:8" x14ac:dyDescent="0.3">
      <c r="A24" t="s">
        <v>23</v>
      </c>
      <c r="B24" s="1">
        <v>3.5185185185185199</v>
      </c>
      <c r="C24" s="1">
        <v>5.7407407407407396</v>
      </c>
      <c r="D24" s="1">
        <v>17.592592592592599</v>
      </c>
      <c r="E24" s="1">
        <v>42.407407407407398</v>
      </c>
      <c r="F24" s="1">
        <v>30.740740740740701</v>
      </c>
      <c r="G24" s="2">
        <v>540</v>
      </c>
    </row>
    <row r="25" spans="1:8" x14ac:dyDescent="0.3">
      <c r="A25" t="s">
        <v>24</v>
      </c>
      <c r="B25" s="1">
        <v>12.592592592592601</v>
      </c>
      <c r="C25" s="1">
        <v>16.296296296296301</v>
      </c>
      <c r="D25" s="1">
        <v>28.3333333333333</v>
      </c>
      <c r="E25" s="1">
        <v>31.296296296296301</v>
      </c>
      <c r="F25" s="1">
        <v>11.4814814814815</v>
      </c>
      <c r="G25" s="2">
        <v>540</v>
      </c>
    </row>
    <row r="26" spans="1:8" x14ac:dyDescent="0.3">
      <c r="A26" t="s">
        <v>25</v>
      </c>
      <c r="B26" s="1">
        <v>14.2592592592593</v>
      </c>
      <c r="C26" s="1">
        <v>18.518518518518501</v>
      </c>
      <c r="D26" s="1">
        <v>30.925925925925899</v>
      </c>
      <c r="E26" s="1">
        <v>30</v>
      </c>
      <c r="F26" s="1">
        <v>6.2962962962963003</v>
      </c>
      <c r="G26" s="2">
        <v>540</v>
      </c>
    </row>
    <row r="27" spans="1:8" x14ac:dyDescent="0.3">
      <c r="A27" t="s">
        <v>26</v>
      </c>
      <c r="B27" s="1">
        <v>4.4444444444444402</v>
      </c>
      <c r="C27" s="1">
        <v>9.0740740740740709</v>
      </c>
      <c r="D27" s="1">
        <v>25.925925925925899</v>
      </c>
      <c r="E27" s="1">
        <v>43.8888888888889</v>
      </c>
      <c r="F27" s="1">
        <v>16.6666666666667</v>
      </c>
      <c r="G27" s="2">
        <v>540</v>
      </c>
    </row>
    <row r="28" spans="1:8" x14ac:dyDescent="0.3">
      <c r="A28" t="s">
        <v>27</v>
      </c>
      <c r="B28" s="1">
        <v>3.5185185185185199</v>
      </c>
      <c r="C28" s="1">
        <v>6.6666666666666696</v>
      </c>
      <c r="D28" s="1">
        <v>19.814814814814799</v>
      </c>
      <c r="E28" s="1">
        <v>48.703703703703702</v>
      </c>
      <c r="F28" s="1">
        <v>21.296296296296301</v>
      </c>
      <c r="G28" s="2">
        <v>540</v>
      </c>
    </row>
    <row r="29" spans="1:8" x14ac:dyDescent="0.3">
      <c r="A29" t="s">
        <v>28</v>
      </c>
      <c r="B29" s="1">
        <f t="array" ref="B29:G47">TRANSPOSE({14.4712430426716,2.04081632653061,36.3636363636364,7.79220779220779,4.26716141001855,12.1951219512195,11.4446529080675,9.9437148217636,7.31707317073171,7.69230769230769,8.33333333333333,17.9487179487179,6.19136960600375,4.8780487804878,4.12757973733583,8.44277673545966,22.1388367729831,40.7129455909944,14.8217636022514;24.1187384044527,49.5361781076067,47.6808905380334,57.5139146567718,36.5491651205937,18.1988742964353,19.3245778611632,8.44277673545966,11.2570356472795,19.5121951219512,25.6410256410256,27.2435897435897,15.0093808630394,12.0075046904315,8.06754221388368,21.9512195121951,24.202626641651,29.6435272045028,25.703564727955;5.00927643784787,24.1187384044527,6.86456400742115,18.7384044526902,16.8831168831169,19.8874296435272,16.6979362101313,7.12945590994371,24.390243902439,21.9512195121951,24.6794871794872,20.8333333333333,23.2645403377111,26.6416510318949,13.8836772983114,26.078799249531,29.0806754221388,16.8855534709193,31.8949343339587;32.6530612244898,18.1818181818182,5.93692022263451,11.5027829313544,25.0463821892393,27.3921200750469,29.0806754221388,31.3320825515947,37.1482176360225,32.4577861163227,27.5641025641026,18.9102564102564,33.9587242026266,40.9005628517824,45.7786116322702,32.0825515947467,19.1369606003752,10.3189493433396,23.827392120075;23.747680890538,6.12244897959184,3.15398886827458,4.45269016697588,17.2541743970315,22.3264540337711,23.4521575984991,43.1519699812383,19.8874296435272,18.3864915572233,13.7820512820513,15.0641025641026,21.5759849906191,15.5722326454034,28.1425891181989,11.4446529080675,5.44090056285178,2.4390243902439,3.75234521575985;539,539,539,539,539,533,533,533,533,533,312,312,533,533,533,533,533,533,533})</f>
        <v>14.471243042671601</v>
      </c>
      <c r="C29" s="1">
        <v>24.118738404452699</v>
      </c>
      <c r="D29" s="1">
        <v>5.0092764378478698</v>
      </c>
      <c r="E29" s="1">
        <v>32.653061224489797</v>
      </c>
      <c r="F29" s="1">
        <v>23.747680890538</v>
      </c>
      <c r="G29" s="2">
        <v>539</v>
      </c>
    </row>
    <row r="30" spans="1:8" x14ac:dyDescent="0.3">
      <c r="A30" t="s">
        <v>29</v>
      </c>
      <c r="B30" s="1">
        <v>2.0408163265306101</v>
      </c>
      <c r="C30" s="1">
        <v>49.536178107606702</v>
      </c>
      <c r="D30" s="1">
        <v>24.118738404452699</v>
      </c>
      <c r="E30" s="1">
        <v>18.181818181818201</v>
      </c>
      <c r="F30" s="1">
        <v>6.12244897959184</v>
      </c>
      <c r="G30" s="2">
        <v>539</v>
      </c>
    </row>
    <row r="31" spans="1:8" x14ac:dyDescent="0.3">
      <c r="A31" t="s">
        <v>30</v>
      </c>
      <c r="B31" s="1">
        <v>36.363636363636402</v>
      </c>
      <c r="C31" s="1">
        <v>47.680890538033402</v>
      </c>
      <c r="D31" s="1">
        <v>6.8645640074211496</v>
      </c>
      <c r="E31" s="1">
        <v>5.9369202226345097</v>
      </c>
      <c r="F31" s="1">
        <v>3.1539888682745798</v>
      </c>
      <c r="G31" s="2">
        <v>539</v>
      </c>
    </row>
    <row r="32" spans="1:8" x14ac:dyDescent="0.3">
      <c r="A32" t="s">
        <v>31</v>
      </c>
      <c r="B32" s="1">
        <v>7.7922077922077904</v>
      </c>
      <c r="C32" s="1">
        <v>57.513914656771803</v>
      </c>
      <c r="D32" s="1">
        <v>18.738404452690201</v>
      </c>
      <c r="E32" s="1">
        <v>11.5027829313544</v>
      </c>
      <c r="F32" s="1">
        <v>4.4526901669758798</v>
      </c>
      <c r="G32" s="2">
        <v>539</v>
      </c>
    </row>
    <row r="33" spans="1:8" x14ac:dyDescent="0.3">
      <c r="A33" t="s">
        <v>32</v>
      </c>
      <c r="B33" s="1">
        <v>4.2671614100185504</v>
      </c>
      <c r="C33" s="1">
        <v>36.549165120593699</v>
      </c>
      <c r="D33" s="1">
        <v>16.883116883116902</v>
      </c>
      <c r="E33" s="1">
        <v>25.046382189239299</v>
      </c>
      <c r="F33" s="1">
        <v>17.254174397031498</v>
      </c>
      <c r="G33" s="2">
        <v>539</v>
      </c>
    </row>
    <row r="34" spans="1:8" x14ac:dyDescent="0.3">
      <c r="A34" t="s">
        <v>33</v>
      </c>
      <c r="B34" s="1">
        <v>12.1951219512195</v>
      </c>
      <c r="C34" s="1">
        <v>18.198874296435299</v>
      </c>
      <c r="D34" s="1">
        <v>19.887429643527199</v>
      </c>
      <c r="E34" s="1">
        <v>27.3921200750469</v>
      </c>
      <c r="F34" s="1">
        <v>22.3264540337711</v>
      </c>
      <c r="G34" s="2">
        <v>533</v>
      </c>
    </row>
    <row r="35" spans="1:8" x14ac:dyDescent="0.3">
      <c r="A35" t="s">
        <v>34</v>
      </c>
      <c r="B35" s="1">
        <v>11.4446529080675</v>
      </c>
      <c r="C35" s="1">
        <v>19.324577861163199</v>
      </c>
      <c r="D35" s="1">
        <v>16.697936210131299</v>
      </c>
      <c r="E35" s="1">
        <v>29.0806754221388</v>
      </c>
      <c r="F35" s="1">
        <v>23.452157598499099</v>
      </c>
      <c r="G35" s="2">
        <v>533</v>
      </c>
    </row>
    <row r="36" spans="1:8" x14ac:dyDescent="0.3">
      <c r="A36" t="s">
        <v>35</v>
      </c>
      <c r="B36" s="1">
        <v>9.9437148217635993</v>
      </c>
      <c r="C36" s="1">
        <v>8.4427767354596597</v>
      </c>
      <c r="D36" s="1">
        <v>7.1294559099437098</v>
      </c>
      <c r="E36" s="1">
        <v>31.332082551594699</v>
      </c>
      <c r="F36" s="1">
        <v>43.151969981238302</v>
      </c>
      <c r="G36" s="2">
        <v>533</v>
      </c>
    </row>
    <row r="37" spans="1:8" x14ac:dyDescent="0.3">
      <c r="A37" t="s">
        <v>36</v>
      </c>
      <c r="B37" s="1">
        <v>7.3170731707317103</v>
      </c>
      <c r="C37" s="1">
        <v>11.257035647279499</v>
      </c>
      <c r="D37" s="1">
        <v>24.390243902439</v>
      </c>
      <c r="E37" s="1">
        <v>37.148217636022501</v>
      </c>
      <c r="F37" s="1">
        <v>19.887429643527199</v>
      </c>
      <c r="G37" s="2">
        <v>533</v>
      </c>
    </row>
    <row r="38" spans="1:8" x14ac:dyDescent="0.3">
      <c r="A38" s="3" t="s">
        <v>37</v>
      </c>
      <c r="B38" s="1">
        <v>7.6923076923076898</v>
      </c>
      <c r="C38" s="1">
        <v>19.512195121951201</v>
      </c>
      <c r="D38" s="1">
        <v>21.951219512195099</v>
      </c>
      <c r="E38" s="1">
        <v>32.457786116322701</v>
      </c>
      <c r="F38" s="1">
        <v>18.386491557223302</v>
      </c>
      <c r="G38" s="2">
        <v>533</v>
      </c>
      <c r="H38" t="s">
        <v>127</v>
      </c>
    </row>
    <row r="39" spans="1:8" x14ac:dyDescent="0.3">
      <c r="A39" t="s">
        <v>38</v>
      </c>
      <c r="B39" s="1">
        <v>8.3333333333333304</v>
      </c>
      <c r="C39" s="1">
        <v>25.6410256410256</v>
      </c>
      <c r="D39" s="1">
        <v>24.6794871794872</v>
      </c>
      <c r="E39" s="1">
        <v>27.564102564102601</v>
      </c>
      <c r="F39" s="1">
        <v>13.782051282051301</v>
      </c>
      <c r="G39" s="2">
        <v>312</v>
      </c>
    </row>
    <row r="40" spans="1:8" x14ac:dyDescent="0.3">
      <c r="A40" t="s">
        <v>39</v>
      </c>
      <c r="B40" s="1">
        <v>17.948717948717899</v>
      </c>
      <c r="C40" s="1">
        <v>27.243589743589698</v>
      </c>
      <c r="D40" s="1">
        <v>20.8333333333333</v>
      </c>
      <c r="E40" s="1">
        <v>18.910256410256402</v>
      </c>
      <c r="F40" s="1">
        <v>15.064102564102599</v>
      </c>
      <c r="G40" s="2">
        <v>312</v>
      </c>
    </row>
    <row r="41" spans="1:8" x14ac:dyDescent="0.3">
      <c r="A41" t="s">
        <v>40</v>
      </c>
      <c r="B41" s="1">
        <v>6.1913696060037502</v>
      </c>
      <c r="C41" s="1">
        <v>15.0093808630394</v>
      </c>
      <c r="D41" s="1">
        <v>23.2645403377111</v>
      </c>
      <c r="E41" s="1">
        <v>33.958724202626598</v>
      </c>
      <c r="F41" s="1">
        <v>21.575984990619101</v>
      </c>
      <c r="G41" s="2">
        <v>533</v>
      </c>
    </row>
    <row r="42" spans="1:8" x14ac:dyDescent="0.3">
      <c r="A42" t="s">
        <v>41</v>
      </c>
      <c r="B42" s="1">
        <v>4.8780487804878003</v>
      </c>
      <c r="C42" s="1">
        <v>12.007504690431499</v>
      </c>
      <c r="D42" s="1">
        <v>26.641651031894899</v>
      </c>
      <c r="E42" s="1">
        <v>40.900562851782396</v>
      </c>
      <c r="F42" s="1">
        <v>15.5722326454034</v>
      </c>
      <c r="G42" s="2">
        <v>533</v>
      </c>
    </row>
    <row r="43" spans="1:8" x14ac:dyDescent="0.3">
      <c r="A43" t="s">
        <v>42</v>
      </c>
      <c r="B43" s="1">
        <v>4.1275797373358296</v>
      </c>
      <c r="C43" s="1">
        <v>8.0675422138836801</v>
      </c>
      <c r="D43" s="1">
        <v>13.883677298311399</v>
      </c>
      <c r="E43" s="1">
        <v>45.778611632270199</v>
      </c>
      <c r="F43" s="1">
        <v>28.142589118198899</v>
      </c>
      <c r="G43" s="2">
        <v>533</v>
      </c>
    </row>
    <row r="44" spans="1:8" x14ac:dyDescent="0.3">
      <c r="A44" s="3" t="s">
        <v>43</v>
      </c>
      <c r="B44" s="1">
        <v>8.4427767354596597</v>
      </c>
      <c r="C44" s="1">
        <v>21.951219512195099</v>
      </c>
      <c r="D44" s="1">
        <v>26.078799249530999</v>
      </c>
      <c r="E44" s="1">
        <v>32.082551594746697</v>
      </c>
      <c r="F44" s="1">
        <v>11.4446529080675</v>
      </c>
      <c r="G44" s="2">
        <v>533</v>
      </c>
      <c r="H44" t="s">
        <v>127</v>
      </c>
    </row>
    <row r="45" spans="1:8" x14ac:dyDescent="0.3">
      <c r="A45" t="s">
        <v>44</v>
      </c>
      <c r="B45" s="1">
        <v>22.138836772983101</v>
      </c>
      <c r="C45" s="1">
        <v>24.202626641651001</v>
      </c>
      <c r="D45" s="1">
        <v>29.0806754221388</v>
      </c>
      <c r="E45" s="1">
        <v>19.1369606003752</v>
      </c>
      <c r="F45" s="1">
        <v>5.4409005628517804</v>
      </c>
      <c r="G45" s="2">
        <v>533</v>
      </c>
    </row>
    <row r="46" spans="1:8" x14ac:dyDescent="0.3">
      <c r="A46" t="s">
        <v>45</v>
      </c>
      <c r="B46" s="1">
        <v>40.712945590994401</v>
      </c>
      <c r="C46" s="1">
        <v>29.643527204502799</v>
      </c>
      <c r="D46" s="1">
        <v>16.885553470919302</v>
      </c>
      <c r="E46" s="1">
        <v>10.3189493433396</v>
      </c>
      <c r="F46" s="1">
        <v>2.4390243902439002</v>
      </c>
      <c r="G46" s="2">
        <v>533</v>
      </c>
    </row>
    <row r="47" spans="1:8" x14ac:dyDescent="0.3">
      <c r="A47" t="s">
        <v>46</v>
      </c>
      <c r="B47" s="1">
        <v>14.8217636022514</v>
      </c>
      <c r="C47" s="1">
        <v>25.703564727955001</v>
      </c>
      <c r="D47" s="1">
        <v>31.894934333958702</v>
      </c>
      <c r="E47" s="1">
        <v>23.827392120075</v>
      </c>
      <c r="F47" s="1">
        <v>3.75234521575985</v>
      </c>
      <c r="G47" s="2">
        <v>533</v>
      </c>
    </row>
    <row r="48" spans="1:8" x14ac:dyDescent="0.3">
      <c r="A48" t="s">
        <v>47</v>
      </c>
      <c r="B48">
        <v>2.8</v>
      </c>
      <c r="G48" s="2">
        <v>606</v>
      </c>
    </row>
    <row r="49" spans="1:8" x14ac:dyDescent="0.3">
      <c r="A49" t="s">
        <v>48</v>
      </c>
      <c r="B49">
        <v>26.9</v>
      </c>
      <c r="G49" s="2">
        <v>606</v>
      </c>
    </row>
    <row r="50" spans="1:8" x14ac:dyDescent="0.3">
      <c r="A50" t="s">
        <v>49</v>
      </c>
      <c r="B50">
        <v>46.2</v>
      </c>
      <c r="G50" s="2">
        <v>606</v>
      </c>
    </row>
    <row r="51" spans="1:8" x14ac:dyDescent="0.3">
      <c r="A51" t="s">
        <v>50</v>
      </c>
      <c r="B51">
        <v>61.4</v>
      </c>
      <c r="G51" s="2">
        <v>606</v>
      </c>
    </row>
    <row r="52" spans="1:8" x14ac:dyDescent="0.3">
      <c r="A52" t="s">
        <v>51</v>
      </c>
      <c r="B52">
        <v>24.3</v>
      </c>
      <c r="G52" s="2">
        <v>606</v>
      </c>
    </row>
    <row r="53" spans="1:8" x14ac:dyDescent="0.3">
      <c r="A53" t="s">
        <v>52</v>
      </c>
      <c r="B53">
        <v>35.5</v>
      </c>
      <c r="G53" s="2">
        <v>606</v>
      </c>
    </row>
    <row r="54" spans="1:8" x14ac:dyDescent="0.3">
      <c r="A54" t="s">
        <v>53</v>
      </c>
      <c r="B54">
        <v>12.7</v>
      </c>
      <c r="G54" s="2">
        <v>606</v>
      </c>
    </row>
    <row r="55" spans="1:8" x14ac:dyDescent="0.3">
      <c r="A55" t="s">
        <v>54</v>
      </c>
      <c r="B55" s="1">
        <f t="array" ref="B55:G77">TRANSPOSE({4.04624277456647,3.85356454720617,3.66088631984586,3.66088631984586,37.5722543352601,25.8188824662813,1.34874759152216,5.78034682080925,16.1184210526316,21.7105263157895,15.028901734104,22.7360308285164,7.32177263969171,8.28516377649326,11.7533718689788,8.55263157894737,5.92105263157895,14.6435452793834,20.4238921001927,24.8554913294798,15.9922928709056,26.3969171483622,17.7263969171484;8.67052023121387,5.58766859344894,7.32177263969171,8.67052023121387,26.7822736030828,24.8554913294798,4.23892100192678,11.5606936416185,29.2763157894737,32.2368421052632,29.4797687861272,32.7552986512524,8.86319845857418,10.9826589595376,13.2947976878613,13.8157894736842,6.90789473684211,35.645472061657,41.6184971098266,43.5452793834297,14.0655105973025,25.8188824662813,21.3872832369942;21.1946050096339,25.2408477842004,21.7726396917148,31.2138728323699,20.8092485549133,24.2774566473988,13.8728323699422,21.3872832369942,31.5789473684211,26.3157894736842,32.5626204238921,29.0944123314065,29.4797687861272,32.1772639691715,38.9210019267823,29.6052631578947,22.0394736842105,21.0019267822736,19.6531791907514,18.6897880539499,27.3603082851638,24.6628131021195,13.6801541425819;48.747591522158,50.0963391136802,51.0597302504817,45.8574181117534,11.1753371868979,18.8824662813102,56.4547206165703,48.9402697495183,20.3947368421053,16.7763157894737,21.1946050096339,13.8728323699422,39.4990366088632,34.8747591522158,27.5529865125241,33.5526315789474,41.4473684210526,22.3506743737958,13.6801541425819,8.67052023121387,30.4431599229287,17.3410404624277,26.2042389210019;17.3410404624277,15.2215799614644,16.1849710982659,10.597302504817,3.66088631984586,6.16570327552987,24.0847784200385,12.3314065510597,2.63157894736842,2.96052631578947,1.73410404624277,1.54142581888247,14.8362235067437,13.6801541425819,8.47784200385356,14.4736842105263,23.6842105263158,6.35838150289017,4.6242774566474,4.23892100192678,12.1387283236994,5.78034682080925,21.0019267822736;519,519,519,519,519,519,519,519,304,304,519,519,519,519,519,304,304,519,519,519,519,519,519})</f>
        <v>4.04624277456647</v>
      </c>
      <c r="C55" s="1">
        <v>8.6705202312138692</v>
      </c>
      <c r="D55" s="1">
        <v>21.1946050096339</v>
      </c>
      <c r="E55" s="1">
        <v>48.747591522157997</v>
      </c>
      <c r="F55" s="1">
        <v>17.341040462427699</v>
      </c>
      <c r="G55" s="2">
        <v>519</v>
      </c>
    </row>
    <row r="56" spans="1:8" x14ac:dyDescent="0.3">
      <c r="A56" t="s">
        <v>55</v>
      </c>
      <c r="B56" s="1">
        <v>3.8535645472061701</v>
      </c>
      <c r="C56" s="1">
        <v>5.5876685934489396</v>
      </c>
      <c r="D56" s="1">
        <v>25.240847784200401</v>
      </c>
      <c r="E56" s="1">
        <v>50.096339113680202</v>
      </c>
      <c r="F56" s="1">
        <v>15.2215799614644</v>
      </c>
      <c r="G56" s="2">
        <v>519</v>
      </c>
    </row>
    <row r="57" spans="1:8" x14ac:dyDescent="0.3">
      <c r="A57" t="s">
        <v>56</v>
      </c>
      <c r="B57" s="1">
        <v>3.6608863198458601</v>
      </c>
      <c r="C57" s="1">
        <v>7.3217726396917104</v>
      </c>
      <c r="D57" s="1">
        <v>21.772639691714801</v>
      </c>
      <c r="E57" s="1">
        <v>51.059730250481699</v>
      </c>
      <c r="F57" s="1">
        <v>16.184971098265901</v>
      </c>
      <c r="G57" s="2">
        <v>519</v>
      </c>
    </row>
    <row r="58" spans="1:8" x14ac:dyDescent="0.3">
      <c r="A58" t="s">
        <v>57</v>
      </c>
      <c r="B58" s="1">
        <v>3.6608863198458601</v>
      </c>
      <c r="C58" s="1">
        <v>8.6705202312138692</v>
      </c>
      <c r="D58" s="1">
        <v>31.213872832369901</v>
      </c>
      <c r="E58" s="1">
        <v>45.857418111753397</v>
      </c>
      <c r="F58" s="1">
        <v>10.597302504817</v>
      </c>
      <c r="G58" s="2">
        <v>519</v>
      </c>
    </row>
    <row r="59" spans="1:8" x14ac:dyDescent="0.3">
      <c r="A59" t="s">
        <v>58</v>
      </c>
      <c r="B59" s="1">
        <v>37.572254335260098</v>
      </c>
      <c r="C59" s="1">
        <v>26.7822736030828</v>
      </c>
      <c r="D59" s="1">
        <v>20.8092485549133</v>
      </c>
      <c r="E59" s="1">
        <v>11.175337186897901</v>
      </c>
      <c r="F59" s="1">
        <v>3.6608863198458601</v>
      </c>
      <c r="G59" s="2">
        <v>519</v>
      </c>
    </row>
    <row r="60" spans="1:8" x14ac:dyDescent="0.3">
      <c r="A60" t="s">
        <v>59</v>
      </c>
      <c r="B60" s="1">
        <v>25.818882466281298</v>
      </c>
      <c r="C60" s="1">
        <v>24.855491329479801</v>
      </c>
      <c r="D60" s="1">
        <v>24.2774566473988</v>
      </c>
      <c r="E60" s="1">
        <v>18.882466281310201</v>
      </c>
      <c r="F60" s="1">
        <v>6.1657032755298697</v>
      </c>
      <c r="G60" s="2">
        <v>519</v>
      </c>
    </row>
    <row r="61" spans="1:8" x14ac:dyDescent="0.3">
      <c r="A61" t="s">
        <v>60</v>
      </c>
      <c r="B61" s="1">
        <v>1.3487475915221601</v>
      </c>
      <c r="C61" s="1">
        <v>4.23892100192678</v>
      </c>
      <c r="D61" s="1">
        <v>13.8728323699422</v>
      </c>
      <c r="E61" s="1">
        <v>56.454720616570299</v>
      </c>
      <c r="F61" s="1">
        <v>24.0847784200385</v>
      </c>
      <c r="G61" s="2">
        <v>519</v>
      </c>
    </row>
    <row r="62" spans="1:8" x14ac:dyDescent="0.3">
      <c r="A62" t="s">
        <v>61</v>
      </c>
      <c r="B62" s="1">
        <v>5.7803468208092497</v>
      </c>
      <c r="C62" s="1">
        <v>11.560693641618499</v>
      </c>
      <c r="D62" s="1">
        <v>21.3872832369942</v>
      </c>
      <c r="E62" s="1">
        <v>48.940269749518301</v>
      </c>
      <c r="F62" s="1">
        <v>12.3314065510597</v>
      </c>
      <c r="G62" s="2">
        <v>519</v>
      </c>
    </row>
    <row r="63" spans="1:8" x14ac:dyDescent="0.3">
      <c r="A63" t="s">
        <v>62</v>
      </c>
      <c r="B63" s="1">
        <v>16.1184210526316</v>
      </c>
      <c r="C63" s="1">
        <v>29.276315789473699</v>
      </c>
      <c r="D63" s="1">
        <v>31.578947368421101</v>
      </c>
      <c r="E63" s="1">
        <v>20.394736842105299</v>
      </c>
      <c r="F63" s="1">
        <v>2.6315789473684199</v>
      </c>
      <c r="G63" s="2">
        <v>304</v>
      </c>
    </row>
    <row r="64" spans="1:8" x14ac:dyDescent="0.3">
      <c r="A64" s="3" t="s">
        <v>63</v>
      </c>
      <c r="B64" s="1">
        <v>21.710526315789501</v>
      </c>
      <c r="C64" s="1">
        <v>32.2368421052632</v>
      </c>
      <c r="D64" s="1">
        <v>26.315789473684202</v>
      </c>
      <c r="E64" s="1">
        <v>16.776315789473699</v>
      </c>
      <c r="F64" s="1">
        <v>2.9605263157894699</v>
      </c>
      <c r="G64" s="2">
        <v>304</v>
      </c>
      <c r="H64" t="s">
        <v>127</v>
      </c>
    </row>
    <row r="65" spans="1:13" x14ac:dyDescent="0.3">
      <c r="A65" t="s">
        <v>64</v>
      </c>
      <c r="B65" s="1">
        <v>15.028901734104</v>
      </c>
      <c r="C65" s="1">
        <v>29.479768786127199</v>
      </c>
      <c r="D65" s="1">
        <v>32.562620423892099</v>
      </c>
      <c r="E65" s="1">
        <v>21.1946050096339</v>
      </c>
      <c r="F65" s="1">
        <v>1.7341040462427699</v>
      </c>
      <c r="G65" s="2">
        <v>519</v>
      </c>
    </row>
    <row r="66" spans="1:13" x14ac:dyDescent="0.3">
      <c r="A66" t="s">
        <v>65</v>
      </c>
      <c r="B66" s="1">
        <v>22.736030828516402</v>
      </c>
      <c r="C66" s="1">
        <v>32.755298651252403</v>
      </c>
      <c r="D66" s="1">
        <v>29.094412331406499</v>
      </c>
      <c r="E66" s="1">
        <v>13.8728323699422</v>
      </c>
      <c r="F66" s="1">
        <v>1.5414258188824701</v>
      </c>
      <c r="G66" s="2">
        <v>519</v>
      </c>
    </row>
    <row r="67" spans="1:13" x14ac:dyDescent="0.3">
      <c r="A67" t="s">
        <v>66</v>
      </c>
      <c r="B67" s="1">
        <v>7.3217726396917104</v>
      </c>
      <c r="C67" s="1">
        <v>8.8631984585741801</v>
      </c>
      <c r="D67" s="1">
        <v>29.479768786127199</v>
      </c>
      <c r="E67" s="1">
        <v>39.4990366088632</v>
      </c>
      <c r="F67" s="1">
        <v>14.8362235067437</v>
      </c>
      <c r="G67" s="2">
        <v>519</v>
      </c>
    </row>
    <row r="68" spans="1:13" x14ac:dyDescent="0.3">
      <c r="A68" t="s">
        <v>67</v>
      </c>
      <c r="B68" s="1">
        <v>8.2851637764932597</v>
      </c>
      <c r="C68" s="1">
        <v>10.9826589595376</v>
      </c>
      <c r="D68" s="1">
        <v>32.177263969171499</v>
      </c>
      <c r="E68" s="1">
        <v>34.874759152215802</v>
      </c>
      <c r="F68" s="1">
        <v>13.6801541425819</v>
      </c>
      <c r="G68" s="2">
        <v>519</v>
      </c>
    </row>
    <row r="69" spans="1:13" x14ac:dyDescent="0.3">
      <c r="A69" t="s">
        <v>68</v>
      </c>
      <c r="B69" s="1">
        <v>11.7533718689788</v>
      </c>
      <c r="C69" s="1">
        <v>13.294797687861299</v>
      </c>
      <c r="D69" s="1">
        <v>38.921001926782303</v>
      </c>
      <c r="E69" s="1">
        <v>27.5529865125241</v>
      </c>
      <c r="F69" s="1">
        <v>8.47784200385356</v>
      </c>
      <c r="G69" s="2">
        <v>519</v>
      </c>
    </row>
    <row r="70" spans="1:13" x14ac:dyDescent="0.3">
      <c r="A70" t="s">
        <v>69</v>
      </c>
      <c r="B70" s="1">
        <v>8.5526315789473699</v>
      </c>
      <c r="C70" s="1">
        <v>13.8157894736842</v>
      </c>
      <c r="D70" s="1">
        <v>29.605263157894701</v>
      </c>
      <c r="E70" s="1">
        <v>33.552631578947398</v>
      </c>
      <c r="F70" s="1">
        <v>14.473684210526301</v>
      </c>
      <c r="G70" s="2">
        <v>304</v>
      </c>
    </row>
    <row r="71" spans="1:13" x14ac:dyDescent="0.3">
      <c r="A71" t="s">
        <v>70</v>
      </c>
      <c r="B71" s="1">
        <v>5.9210526315789496</v>
      </c>
      <c r="C71" s="1">
        <v>6.9078947368421098</v>
      </c>
      <c r="D71" s="1">
        <v>22.039473684210499</v>
      </c>
      <c r="E71" s="1">
        <v>41.447368421052602</v>
      </c>
      <c r="F71" s="1">
        <v>23.684210526315798</v>
      </c>
      <c r="G71" s="2">
        <v>304</v>
      </c>
    </row>
    <row r="72" spans="1:13" x14ac:dyDescent="0.3">
      <c r="A72" t="s">
        <v>71</v>
      </c>
      <c r="B72" s="1">
        <v>14.6435452793834</v>
      </c>
      <c r="C72" s="1">
        <v>35.645472061657003</v>
      </c>
      <c r="D72" s="1">
        <v>21.0019267822736</v>
      </c>
      <c r="E72" s="1">
        <v>22.350674373795801</v>
      </c>
      <c r="F72" s="1">
        <v>6.35838150289017</v>
      </c>
      <c r="G72" s="2">
        <v>519</v>
      </c>
    </row>
    <row r="73" spans="1:13" x14ac:dyDescent="0.3">
      <c r="A73" t="s">
        <v>72</v>
      </c>
      <c r="B73" s="1">
        <v>20.423892100192699</v>
      </c>
      <c r="C73" s="1">
        <v>41.618497109826599</v>
      </c>
      <c r="D73" s="1">
        <v>19.653179190751398</v>
      </c>
      <c r="E73" s="1">
        <v>13.6801541425819</v>
      </c>
      <c r="F73" s="1">
        <v>4.6242774566474001</v>
      </c>
      <c r="G73" s="2">
        <v>519</v>
      </c>
    </row>
    <row r="74" spans="1:13" x14ac:dyDescent="0.3">
      <c r="A74" t="s">
        <v>73</v>
      </c>
      <c r="B74" s="1">
        <v>24.855491329479801</v>
      </c>
      <c r="C74" s="1">
        <v>43.545279383429701</v>
      </c>
      <c r="D74" s="1">
        <v>18.689788053949901</v>
      </c>
      <c r="E74" s="1">
        <v>8.6705202312138692</v>
      </c>
      <c r="F74" s="1">
        <v>4.23892100192678</v>
      </c>
      <c r="G74" s="2">
        <v>519</v>
      </c>
    </row>
    <row r="75" spans="1:13" x14ac:dyDescent="0.3">
      <c r="A75" t="s">
        <v>74</v>
      </c>
      <c r="B75" s="1">
        <v>15.992292870905599</v>
      </c>
      <c r="C75" s="1">
        <v>14.065510597302501</v>
      </c>
      <c r="D75" s="1">
        <v>27.3603082851638</v>
      </c>
      <c r="E75" s="1">
        <v>30.4431599229287</v>
      </c>
      <c r="F75" s="1">
        <v>12.1387283236994</v>
      </c>
      <c r="G75" s="2">
        <v>519</v>
      </c>
    </row>
    <row r="76" spans="1:13" x14ac:dyDescent="0.3">
      <c r="A76" t="s">
        <v>75</v>
      </c>
      <c r="B76" s="1">
        <v>26.396917148362199</v>
      </c>
      <c r="C76" s="1">
        <v>25.818882466281298</v>
      </c>
      <c r="D76" s="1">
        <v>24.6628131021195</v>
      </c>
      <c r="E76" s="1">
        <v>17.341040462427699</v>
      </c>
      <c r="F76" s="1">
        <v>5.7803468208092497</v>
      </c>
      <c r="G76" s="2">
        <v>519</v>
      </c>
    </row>
    <row r="77" spans="1:13" x14ac:dyDescent="0.3">
      <c r="A77" t="s">
        <v>76</v>
      </c>
      <c r="B77" s="1">
        <v>17.726396917148399</v>
      </c>
      <c r="C77" s="1">
        <v>21.3872832369942</v>
      </c>
      <c r="D77" s="1">
        <v>13.6801541425819</v>
      </c>
      <c r="E77" s="1">
        <v>26.204238921001899</v>
      </c>
      <c r="F77" s="1">
        <v>21.0019267822736</v>
      </c>
      <c r="G77" s="2">
        <v>519</v>
      </c>
    </row>
    <row r="78" spans="1:13" x14ac:dyDescent="0.3">
      <c r="A78" t="s">
        <v>77</v>
      </c>
      <c r="B78" s="1">
        <f t="array" ref="B78:K78">TRANSPOSE({6.55105973025048;9.05587668593449;10.7899807321773;9.2485549132948;14.4508670520231;12.52408477842;19.2678227360308;12.7167630057803;5.39499036608863;519})</f>
        <v>6.5510597302504801</v>
      </c>
      <c r="C78" s="1">
        <v>9.0558766859344892</v>
      </c>
      <c r="D78" s="1">
        <v>10.7899807321773</v>
      </c>
      <c r="E78" s="1">
        <v>9.2485549132948002</v>
      </c>
      <c r="F78" s="1">
        <v>14.450867052023099</v>
      </c>
      <c r="G78" s="2">
        <v>12.524084778420001</v>
      </c>
      <c r="H78" s="1">
        <v>19.267822736030801</v>
      </c>
      <c r="I78" s="1">
        <v>12.716763005780299</v>
      </c>
      <c r="J78" s="1">
        <v>5.3949903660886296</v>
      </c>
      <c r="K78">
        <v>519</v>
      </c>
      <c r="M78" t="s">
        <v>78</v>
      </c>
    </row>
    <row r="79" spans="1:13" x14ac:dyDescent="0.3">
      <c r="A79" t="s">
        <v>79</v>
      </c>
      <c r="B79" s="1">
        <f t="array" ref="B79:G96">TRANSPOSE({8.300395256917,0.790513833992095,3.75494071146245,0.592885375494071,0.790513833992095,5.13833992094862,5.92885375494071,5.92885375494071,1.18577075098814,1.18577075098814,1.38339920948617,2.37154150197628,6.32411067193676,8.49802371541502,14.6245059288538,14.6245059288538,7.11462450592885,8.89328063241107;50.7905138339921,36.1660079051383,40.9090909090909,14.0316205533597,10.8695652173913,31.4229249011858,33.201581027668,28.6561264822134,13.8339920948617,9.88142292490119,17.1936758893281,15.4150197628458,21.3438735177866,24.901185770751,24.3083003952569,27.4703557312253,20.5533596837945,24.1106719367589;18.3794466403162,24.1106719367589,20.5533596837945,16.2055335968379,12.6482213438735,28.2608695652174,26.6798418972332,28.4584980237154,21.5415019762846,16.403162055336,21.3438735177866,20.7509881422925,17.7865612648221,18.3794466403162,18.1818181818182,20.1581027667984,22.9249011857708,21.3438735177866;19.3675889328063,31.6205533596838,27.2727272727273,38.1422924901186,41.897233201581,28.8537549407115,29.4466403162055,31.8181818181818,49.802371541502,52.9644268774704,45.0592885375494,48.2213438735178,41.1067193675889,38.9328063241107,32.8063241106719,30.2371541501976,41.304347826087,35.1778656126482;3.16205533596838,7.31225296442688,7.5098814229249,31.0276679841897,33.7944664031621,6.32411067193676,4.74308300395257,5.13833992094862,13.6363636363636,19.5652173913043,15.0197628458498,13.2411067193676,13.4387351778656,9.28853754940712,10.0790513833992,7.5098814229249,8.10276679841897,10.4743083003953;506,506,506,506,506,506,506,506,506,506,506,506,506,506,506,506,506,506})</f>
        <v>8.3003952569169996</v>
      </c>
      <c r="C79" s="1">
        <v>50.790513833992101</v>
      </c>
      <c r="D79" s="1">
        <v>18.3794466403162</v>
      </c>
      <c r="E79" s="1">
        <v>19.367588932806299</v>
      </c>
      <c r="F79" s="1">
        <v>3.1620553359683798</v>
      </c>
      <c r="G79" s="2">
        <v>506</v>
      </c>
    </row>
    <row r="80" spans="1:13" x14ac:dyDescent="0.3">
      <c r="A80" t="s">
        <v>80</v>
      </c>
      <c r="B80" s="1">
        <v>0.79051383399209496</v>
      </c>
      <c r="C80" s="1">
        <v>36.166007905138301</v>
      </c>
      <c r="D80" s="1">
        <v>24.110671936758902</v>
      </c>
      <c r="E80" s="1">
        <v>31.6205533596838</v>
      </c>
      <c r="F80" s="1">
        <v>7.3122529644268797</v>
      </c>
      <c r="G80" s="2">
        <v>506</v>
      </c>
    </row>
    <row r="81" spans="1:7" x14ac:dyDescent="0.3">
      <c r="A81" t="s">
        <v>81</v>
      </c>
      <c r="B81" s="1">
        <v>3.7549407114624498</v>
      </c>
      <c r="C81" s="1">
        <v>40.909090909090899</v>
      </c>
      <c r="D81" s="1">
        <v>20.553359683794501</v>
      </c>
      <c r="E81" s="1">
        <v>27.272727272727298</v>
      </c>
      <c r="F81" s="1">
        <v>7.5098814229248996</v>
      </c>
      <c r="G81" s="2">
        <v>506</v>
      </c>
    </row>
    <row r="82" spans="1:7" x14ac:dyDescent="0.3">
      <c r="A82" t="s">
        <v>82</v>
      </c>
      <c r="B82" s="1">
        <v>0.59288537549407105</v>
      </c>
      <c r="C82" s="1">
        <v>14.0316205533597</v>
      </c>
      <c r="D82" s="1">
        <v>16.205533596837899</v>
      </c>
      <c r="E82" s="1">
        <v>38.142292490118599</v>
      </c>
      <c r="F82" s="1">
        <v>31.027667984189701</v>
      </c>
      <c r="G82" s="2">
        <v>506</v>
      </c>
    </row>
    <row r="83" spans="1:7" x14ac:dyDescent="0.3">
      <c r="A83" t="s">
        <v>83</v>
      </c>
      <c r="B83" s="1">
        <v>0.79051383399209496</v>
      </c>
      <c r="C83" s="1">
        <v>10.869565217391299</v>
      </c>
      <c r="D83" s="1">
        <v>12.6482213438735</v>
      </c>
      <c r="E83" s="1">
        <v>41.897233201581003</v>
      </c>
      <c r="F83" s="1">
        <v>33.794466403162097</v>
      </c>
      <c r="G83" s="2">
        <v>506</v>
      </c>
    </row>
    <row r="84" spans="1:7" x14ac:dyDescent="0.3">
      <c r="A84" t="s">
        <v>84</v>
      </c>
      <c r="B84" s="1">
        <v>5.1383399209486198</v>
      </c>
      <c r="C84" s="1">
        <v>31.422924901185802</v>
      </c>
      <c r="D84" s="1">
        <v>28.260869565217401</v>
      </c>
      <c r="E84" s="1">
        <v>28.8537549407115</v>
      </c>
      <c r="F84" s="1">
        <v>6.3241106719367597</v>
      </c>
      <c r="G84" s="2">
        <v>506</v>
      </c>
    </row>
    <row r="85" spans="1:7" x14ac:dyDescent="0.3">
      <c r="A85" t="s">
        <v>85</v>
      </c>
      <c r="B85" s="1">
        <v>5.9288537549407101</v>
      </c>
      <c r="C85" s="1">
        <v>33.201581027667999</v>
      </c>
      <c r="D85" s="1">
        <v>26.679841897233199</v>
      </c>
      <c r="E85" s="1">
        <v>29.446640316205499</v>
      </c>
      <c r="F85" s="1">
        <v>4.7430830039525702</v>
      </c>
      <c r="G85" s="2">
        <v>506</v>
      </c>
    </row>
    <row r="86" spans="1:7" x14ac:dyDescent="0.3">
      <c r="A86" t="s">
        <v>86</v>
      </c>
      <c r="B86" s="1">
        <v>5.9288537549407101</v>
      </c>
      <c r="C86" s="1">
        <v>28.656126482213399</v>
      </c>
      <c r="D86" s="1">
        <v>28.4584980237154</v>
      </c>
      <c r="E86" s="1">
        <v>31.818181818181799</v>
      </c>
      <c r="F86" s="1">
        <v>5.1383399209486198</v>
      </c>
      <c r="G86" s="2">
        <v>506</v>
      </c>
    </row>
    <row r="87" spans="1:7" x14ac:dyDescent="0.3">
      <c r="A87" t="s">
        <v>87</v>
      </c>
      <c r="B87" s="1">
        <v>1.1857707509881401</v>
      </c>
      <c r="C87" s="1">
        <v>13.833992094861699</v>
      </c>
      <c r="D87" s="1">
        <v>21.5415019762846</v>
      </c>
      <c r="E87" s="1">
        <v>49.802371541501998</v>
      </c>
      <c r="F87" s="1">
        <v>13.636363636363599</v>
      </c>
      <c r="G87" s="2">
        <v>506</v>
      </c>
    </row>
    <row r="88" spans="1:7" x14ac:dyDescent="0.3">
      <c r="A88" t="s">
        <v>88</v>
      </c>
      <c r="B88" s="1">
        <v>1.1857707509881401</v>
      </c>
      <c r="C88" s="1">
        <v>9.8814229249011891</v>
      </c>
      <c r="D88" s="1">
        <v>16.403162055336001</v>
      </c>
      <c r="E88" s="1">
        <v>52.964426877470402</v>
      </c>
      <c r="F88" s="1">
        <v>19.565217391304301</v>
      </c>
      <c r="G88" s="2">
        <v>506</v>
      </c>
    </row>
    <row r="89" spans="1:7" x14ac:dyDescent="0.3">
      <c r="A89" t="s">
        <v>89</v>
      </c>
      <c r="B89" s="1">
        <v>1.38339920948617</v>
      </c>
      <c r="C89" s="1">
        <v>17.193675889328102</v>
      </c>
      <c r="D89" s="1">
        <v>21.343873517786601</v>
      </c>
      <c r="E89" s="1">
        <v>45.059288537549399</v>
      </c>
      <c r="F89" s="1">
        <v>15.019762845849799</v>
      </c>
      <c r="G89" s="2">
        <v>506</v>
      </c>
    </row>
    <row r="90" spans="1:7" x14ac:dyDescent="0.3">
      <c r="A90" t="s">
        <v>90</v>
      </c>
      <c r="B90" s="1">
        <v>2.3715415019762802</v>
      </c>
      <c r="C90" s="1">
        <v>15.4150197628458</v>
      </c>
      <c r="D90" s="1">
        <v>20.750988142292499</v>
      </c>
      <c r="E90" s="1">
        <v>48.221343873517803</v>
      </c>
      <c r="F90" s="1">
        <v>13.2411067193676</v>
      </c>
      <c r="G90" s="2">
        <v>506</v>
      </c>
    </row>
    <row r="91" spans="1:7" x14ac:dyDescent="0.3">
      <c r="A91" t="s">
        <v>91</v>
      </c>
      <c r="B91" s="1">
        <v>6.3241106719367597</v>
      </c>
      <c r="C91" s="1">
        <v>21.343873517786601</v>
      </c>
      <c r="D91" s="1">
        <v>17.786561264822101</v>
      </c>
      <c r="E91" s="1">
        <v>41.106719367588902</v>
      </c>
      <c r="F91" s="1">
        <v>13.438735177865601</v>
      </c>
      <c r="G91" s="2">
        <v>506</v>
      </c>
    </row>
    <row r="92" spans="1:7" x14ac:dyDescent="0.3">
      <c r="A92" t="s">
        <v>92</v>
      </c>
      <c r="B92" s="1">
        <v>8.4980237154150196</v>
      </c>
      <c r="C92" s="1">
        <v>24.901185770750999</v>
      </c>
      <c r="D92" s="1">
        <v>18.3794466403162</v>
      </c>
      <c r="E92" s="1">
        <v>38.9328063241107</v>
      </c>
      <c r="F92" s="1">
        <v>9.2885375494071205</v>
      </c>
      <c r="G92" s="2">
        <v>506</v>
      </c>
    </row>
    <row r="93" spans="1:7" x14ac:dyDescent="0.3">
      <c r="A93" t="s">
        <v>93</v>
      </c>
      <c r="B93" s="1">
        <v>14.6245059288538</v>
      </c>
      <c r="C93" s="1">
        <v>24.3083003952569</v>
      </c>
      <c r="D93" s="1">
        <v>18.181818181818201</v>
      </c>
      <c r="E93" s="1">
        <v>32.806324110671902</v>
      </c>
      <c r="F93" s="1">
        <v>10.0790513833992</v>
      </c>
      <c r="G93" s="2">
        <v>506</v>
      </c>
    </row>
    <row r="94" spans="1:7" x14ac:dyDescent="0.3">
      <c r="A94" t="s">
        <v>94</v>
      </c>
      <c r="B94" s="1">
        <v>14.6245059288538</v>
      </c>
      <c r="C94" s="1">
        <v>27.4703557312253</v>
      </c>
      <c r="D94" s="1">
        <v>20.1581027667984</v>
      </c>
      <c r="E94" s="1">
        <v>30.2371541501976</v>
      </c>
      <c r="F94" s="1">
        <v>7.5098814229248996</v>
      </c>
      <c r="G94" s="2">
        <v>506</v>
      </c>
    </row>
    <row r="95" spans="1:7" x14ac:dyDescent="0.3">
      <c r="A95" t="s">
        <v>95</v>
      </c>
      <c r="B95" s="1">
        <v>7.11462450592885</v>
      </c>
      <c r="C95" s="1">
        <v>20.553359683794501</v>
      </c>
      <c r="D95" s="1">
        <v>22.9249011857708</v>
      </c>
      <c r="E95" s="1">
        <v>41.304347826087003</v>
      </c>
      <c r="F95" s="1">
        <v>8.1027667984189709</v>
      </c>
      <c r="G95" s="2">
        <v>506</v>
      </c>
    </row>
    <row r="96" spans="1:7" x14ac:dyDescent="0.3">
      <c r="A96" t="s">
        <v>96</v>
      </c>
      <c r="B96" s="1">
        <v>8.89328063241107</v>
      </c>
      <c r="C96" s="1">
        <v>24.110671936758902</v>
      </c>
      <c r="D96" s="1">
        <v>21.343873517786601</v>
      </c>
      <c r="E96" s="1">
        <v>35.177865612648198</v>
      </c>
      <c r="F96" s="1">
        <v>10.4743083003953</v>
      </c>
      <c r="G96" s="2">
        <v>506</v>
      </c>
    </row>
    <row r="97" spans="1:11" x14ac:dyDescent="0.3">
      <c r="A97" t="s">
        <v>97</v>
      </c>
      <c r="B97" s="1">
        <f t="array" ref="B97:I103">TRANSPOSE({2.83400809716599,2.02429149797571,1.417004048583,1.21457489878543,7.69230769230769,7.28744939271255,10.9311740890688;0.607287449392713,1.61943319838057,1.21457489878543,0.607287449392713,11.9433198380567,11.7408906882591,16.3967611336032;6.07287449392713,3.4412955465587,4.25101214574899,4.65587044534413,21.2550607287449,19.4331983805668,20.8502024291498;13.5627530364372,10.9311740890688,12.9554655870445,12.3481781376518,19.8380566801619,19.0283400809717,18.4210526315789;14.9797570850202,11.7408906882591,14.9797570850202,12.9554655870445,16.5991902834008,20.0404858299595,16.3967611336032;34.412955465587,39.0688259109312,34.0080971659919,28.1376518218623,15.3846153846154,15.3846153846154,10.7287449392713;27.5303643724696,31.1740890688259,31.1740890688259,40.080971659919,7.28744939271255,7.08502024291498,6.2753036437247;494,494,494,494,494,494,494})</f>
        <v>2.8340080971659898</v>
      </c>
      <c r="C97" s="1">
        <v>0.60728744939271295</v>
      </c>
      <c r="D97" s="1">
        <v>6.07287449392713</v>
      </c>
      <c r="E97" s="1">
        <v>13.562753036437201</v>
      </c>
      <c r="F97" s="1">
        <v>14.9797570850202</v>
      </c>
      <c r="G97" s="1">
        <v>34.412955465586997</v>
      </c>
      <c r="H97" s="1">
        <v>27.530364372469599</v>
      </c>
      <c r="I97">
        <v>494</v>
      </c>
      <c r="K97" t="s">
        <v>98</v>
      </c>
    </row>
    <row r="98" spans="1:11" x14ac:dyDescent="0.3">
      <c r="A98" t="s">
        <v>99</v>
      </c>
      <c r="B98" s="1">
        <v>2.0242914979757098</v>
      </c>
      <c r="C98" s="1">
        <v>1.6194331983805701</v>
      </c>
      <c r="D98" s="1">
        <v>3.4412955465586998</v>
      </c>
      <c r="E98" s="1">
        <v>10.931174089068801</v>
      </c>
      <c r="F98" s="1">
        <v>11.7408906882591</v>
      </c>
      <c r="G98" s="1">
        <v>39.068825910931203</v>
      </c>
      <c r="H98" s="1">
        <v>31.1740890688259</v>
      </c>
      <c r="I98">
        <v>494</v>
      </c>
      <c r="K98" t="s">
        <v>98</v>
      </c>
    </row>
    <row r="99" spans="1:11" x14ac:dyDescent="0.3">
      <c r="A99" t="s">
        <v>100</v>
      </c>
      <c r="B99" s="1">
        <v>1.417004048583</v>
      </c>
      <c r="C99" s="1">
        <v>1.2145748987854299</v>
      </c>
      <c r="D99" s="1">
        <v>4.25101214574899</v>
      </c>
      <c r="E99" s="1">
        <v>12.9554655870445</v>
      </c>
      <c r="F99" s="1">
        <v>14.9797570850202</v>
      </c>
      <c r="G99" s="1">
        <v>34.008097165991899</v>
      </c>
      <c r="H99" s="1">
        <v>31.1740890688259</v>
      </c>
      <c r="I99">
        <v>494</v>
      </c>
      <c r="K99" t="s">
        <v>98</v>
      </c>
    </row>
    <row r="100" spans="1:11" x14ac:dyDescent="0.3">
      <c r="A100" t="s">
        <v>101</v>
      </c>
      <c r="B100" s="1">
        <v>1.2145748987854299</v>
      </c>
      <c r="C100" s="1">
        <v>0.60728744939271295</v>
      </c>
      <c r="D100" s="1">
        <v>4.6558704453441297</v>
      </c>
      <c r="E100" s="1">
        <v>12.3481781376518</v>
      </c>
      <c r="F100" s="1">
        <v>12.9554655870445</v>
      </c>
      <c r="G100" s="1">
        <v>28.137651821862299</v>
      </c>
      <c r="H100" s="1">
        <v>40.080971659919001</v>
      </c>
      <c r="I100">
        <v>494</v>
      </c>
      <c r="K100" t="s">
        <v>98</v>
      </c>
    </row>
    <row r="101" spans="1:11" x14ac:dyDescent="0.3">
      <c r="A101" t="s">
        <v>102</v>
      </c>
      <c r="B101" s="1">
        <v>7.6923076923076898</v>
      </c>
      <c r="C101" s="1">
        <v>11.9433198380567</v>
      </c>
      <c r="D101" s="1">
        <v>21.255060728744901</v>
      </c>
      <c r="E101" s="1">
        <v>19.838056680161898</v>
      </c>
      <c r="F101" s="1">
        <v>16.599190283400802</v>
      </c>
      <c r="G101" s="1">
        <v>15.384615384615399</v>
      </c>
      <c r="H101" s="1">
        <v>7.2874493927125501</v>
      </c>
      <c r="I101">
        <v>494</v>
      </c>
      <c r="K101" t="s">
        <v>98</v>
      </c>
    </row>
    <row r="102" spans="1:11" x14ac:dyDescent="0.3">
      <c r="A102" t="s">
        <v>103</v>
      </c>
      <c r="B102" s="1">
        <v>7.2874493927125501</v>
      </c>
      <c r="C102" s="1">
        <v>11.7408906882591</v>
      </c>
      <c r="D102" s="1">
        <v>19.4331983805668</v>
      </c>
      <c r="E102" s="1">
        <v>19.028340080971699</v>
      </c>
      <c r="F102" s="1">
        <v>20.040485829959501</v>
      </c>
      <c r="G102" s="1">
        <v>15.384615384615399</v>
      </c>
      <c r="H102" s="1">
        <v>7.0850202429149798</v>
      </c>
      <c r="I102">
        <v>494</v>
      </c>
      <c r="K102" t="s">
        <v>98</v>
      </c>
    </row>
    <row r="103" spans="1:11" x14ac:dyDescent="0.3">
      <c r="A103" t="s">
        <v>104</v>
      </c>
      <c r="B103" s="1">
        <v>10.931174089068801</v>
      </c>
      <c r="C103" s="1">
        <v>16.396761133603199</v>
      </c>
      <c r="D103" s="1">
        <v>20.8502024291498</v>
      </c>
      <c r="E103" s="1">
        <v>18.421052631578899</v>
      </c>
      <c r="F103" s="1">
        <v>16.396761133603199</v>
      </c>
      <c r="G103" s="1">
        <v>10.7287449392713</v>
      </c>
      <c r="H103" s="1">
        <v>6.2753036437247003</v>
      </c>
      <c r="I103">
        <v>494</v>
      </c>
      <c r="K103" t="s">
        <v>98</v>
      </c>
    </row>
    <row r="104" spans="1:11" x14ac:dyDescent="0.3">
      <c r="A104" t="s">
        <v>105</v>
      </c>
      <c r="B104" s="1">
        <f t="array" ref="B104:G110">TRANSPOSE({0.813008130081301,1.6260162601626,1.42276422764228,4.67479674796748,1.6260162601626,1.82926829268293,1.82926829268293;0.609756097560976,5.08130081300813,3.2520325203252,10.1626016260163,17.479674796748,21.7479674796748,5.28455284552846;15.4471544715447,26.219512195122,25,28.0487804878049,41.0569105691057,41.0569105691057,19.1056910569106;60.7723577235772,54.2682926829268,57.7235772357724,48.3739837398374,32.1138211382114,29.8780487804878,51.8292682926829;22.3577235772358,12.8048780487805,12.6016260162602,8.73983739837398,7.72357723577236,5.48780487804878,21.9512195121951;492,492,492,492,492,492,492})</f>
        <v>0.81300813008130102</v>
      </c>
      <c r="C104" s="1">
        <v>0.60975609756097604</v>
      </c>
      <c r="D104" s="1">
        <v>15.4471544715447</v>
      </c>
      <c r="E104" s="1">
        <v>60.772357723577201</v>
      </c>
      <c r="F104" s="1">
        <v>22.357723577235799</v>
      </c>
      <c r="G104" s="2">
        <v>492</v>
      </c>
    </row>
    <row r="105" spans="1:11" x14ac:dyDescent="0.3">
      <c r="A105" t="s">
        <v>106</v>
      </c>
      <c r="B105" s="1">
        <v>1.6260162601626</v>
      </c>
      <c r="C105" s="1">
        <v>5.0813008130081299</v>
      </c>
      <c r="D105" s="1">
        <v>26.219512195122</v>
      </c>
      <c r="E105" s="1">
        <v>54.268292682926798</v>
      </c>
      <c r="F105" s="1">
        <v>12.8048780487805</v>
      </c>
      <c r="G105" s="2">
        <v>492</v>
      </c>
    </row>
    <row r="106" spans="1:11" x14ac:dyDescent="0.3">
      <c r="A106" t="s">
        <v>107</v>
      </c>
      <c r="B106" s="1">
        <v>1.4227642276422801</v>
      </c>
      <c r="C106" s="1">
        <v>3.2520325203252001</v>
      </c>
      <c r="D106" s="1">
        <v>25</v>
      </c>
      <c r="E106" s="1">
        <v>57.723577235772403</v>
      </c>
      <c r="F106" s="1">
        <v>12.6016260162602</v>
      </c>
      <c r="G106" s="2">
        <v>492</v>
      </c>
    </row>
    <row r="107" spans="1:11" x14ac:dyDescent="0.3">
      <c r="A107" t="s">
        <v>108</v>
      </c>
      <c r="B107" s="1">
        <v>4.6747967479674797</v>
      </c>
      <c r="C107" s="1">
        <v>10.162601626016301</v>
      </c>
      <c r="D107" s="1">
        <v>28.048780487804901</v>
      </c>
      <c r="E107" s="1">
        <v>48.373983739837399</v>
      </c>
      <c r="F107" s="1">
        <v>8.7398373983739805</v>
      </c>
      <c r="G107" s="2">
        <v>492</v>
      </c>
    </row>
    <row r="108" spans="1:11" x14ac:dyDescent="0.3">
      <c r="A108" t="s">
        <v>109</v>
      </c>
      <c r="B108" s="1">
        <v>1.6260162601626</v>
      </c>
      <c r="C108" s="1">
        <v>17.479674796748</v>
      </c>
      <c r="D108" s="1">
        <v>41.056910569105703</v>
      </c>
      <c r="E108" s="1">
        <v>32.113821138211399</v>
      </c>
      <c r="F108" s="1">
        <v>7.7235772357723604</v>
      </c>
      <c r="G108" s="2">
        <v>492</v>
      </c>
    </row>
    <row r="109" spans="1:11" x14ac:dyDescent="0.3">
      <c r="A109" t="s">
        <v>110</v>
      </c>
      <c r="B109" s="1">
        <v>1.82926829268293</v>
      </c>
      <c r="C109" s="1">
        <v>21.747967479674799</v>
      </c>
      <c r="D109" s="1">
        <v>41.056910569105703</v>
      </c>
      <c r="E109" s="1">
        <v>29.878048780487799</v>
      </c>
      <c r="F109" s="1">
        <v>5.48780487804878</v>
      </c>
      <c r="G109" s="2">
        <v>492</v>
      </c>
    </row>
    <row r="110" spans="1:11" x14ac:dyDescent="0.3">
      <c r="A110" t="s">
        <v>111</v>
      </c>
      <c r="B110" s="1">
        <v>1.82926829268293</v>
      </c>
      <c r="C110" s="1">
        <v>5.2845528455284603</v>
      </c>
      <c r="D110" s="1">
        <v>19.105691056910601</v>
      </c>
      <c r="E110" s="1">
        <v>51.829268292682897</v>
      </c>
      <c r="F110" s="1">
        <v>21.951219512195099</v>
      </c>
      <c r="G110" s="2">
        <v>492</v>
      </c>
    </row>
    <row r="112" spans="1:11" x14ac:dyDescent="0.3">
      <c r="A112" s="6" t="s">
        <v>117</v>
      </c>
    </row>
    <row r="113" spans="1:1" x14ac:dyDescent="0.3">
      <c r="A113" t="s">
        <v>126</v>
      </c>
    </row>
    <row r="114" spans="1:1" x14ac:dyDescent="0.3">
      <c r="A114" t="s">
        <v>125</v>
      </c>
    </row>
    <row r="115" spans="1:1" x14ac:dyDescent="0.3">
      <c r="A115" t="s">
        <v>124</v>
      </c>
    </row>
    <row r="116" spans="1:1" x14ac:dyDescent="0.3">
      <c r="A116" t="s">
        <v>123</v>
      </c>
    </row>
    <row r="117" spans="1:1" x14ac:dyDescent="0.3">
      <c r="A117" t="s">
        <v>122</v>
      </c>
    </row>
    <row r="118" spans="1:1" x14ac:dyDescent="0.3">
      <c r="A118" t="s">
        <v>121</v>
      </c>
    </row>
    <row r="119" spans="1:1" x14ac:dyDescent="0.3">
      <c r="A119" t="s">
        <v>120</v>
      </c>
    </row>
    <row r="120" spans="1:1" x14ac:dyDescent="0.3">
      <c r="A120" t="s">
        <v>119</v>
      </c>
    </row>
    <row r="121" spans="1:1" x14ac:dyDescent="0.3">
      <c r="A121" t="s">
        <v>118</v>
      </c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erkbladen</vt:lpstr>
      </vt:variant>
      <vt:variant>
        <vt:i4>1</vt:i4>
      </vt:variant>
    </vt:vector>
  </HeadingPairs>
  <TitlesOfParts>
    <vt:vector size="1" baseType="lpstr">
      <vt:lpstr>Blad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ersten, L.</dc:creator>
  <cp:lastModifiedBy>Kersten, L.</cp:lastModifiedBy>
  <dcterms:created xsi:type="dcterms:W3CDTF">2019-09-03T12:57:27Z</dcterms:created>
  <dcterms:modified xsi:type="dcterms:W3CDTF">2019-09-03T13:13:17Z</dcterms:modified>
</cp:coreProperties>
</file>